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drawings/drawing2.xml" ContentType="application/vnd.openxmlformats-officedocument.drawing+xml"/>
  <Override PartName="/xl/tables/table1.xml" ContentType="application/vnd.openxmlformats-officedocument.spreadsheetml.table+xml"/>
  <Override PartName="/xl/tables/table2.xml" ContentType="application/vnd.openxmlformats-officedocument.spreadsheetml.table+xml"/>
  <Override PartName="/xl/tables/table3.xml" ContentType="application/vnd.openxmlformats-officedocument.spreadsheetml.table+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425"/>
  <workbookPr/>
  <mc:AlternateContent xmlns:mc="http://schemas.openxmlformats.org/markup-compatibility/2006">
    <mc:Choice Requires="x15">
      <x15ac:absPath xmlns:x15ac="http://schemas.microsoft.com/office/spreadsheetml/2010/11/ac" url="\\Sfp.idir.bcgov\s127\S27010\Secure\BCTEA\4 - PROJECT PLANNING\BCTEA TRANSP PLAN ADMIN\2024-25 SY Submissions Approvals\Materials\Final Materials approved by ADM\"/>
    </mc:Choice>
  </mc:AlternateContent>
  <xr:revisionPtr revIDLastSave="0" documentId="8_{A17DF191-6190-45AA-8FC0-2061DC4EE1CC}" xr6:coauthVersionLast="47" xr6:coauthVersionMax="47" xr10:uidLastSave="{00000000-0000-0000-0000-000000000000}"/>
  <workbookProtection workbookAlgorithmName="SHA-512" workbookHashValue="cWFQD5a7bMCWtBO6sOMAZka/ScI6ASHdK8ABHDNOPBMV0zAlmu4+0g/jsynbGh3FbtYp9MswQgYLyy79F0ZCzg==" workbookSaltValue="7Zs6+QW6mdwFedEqW89cmQ==" workbookSpinCount="100000" lockStructure="1"/>
  <bookViews>
    <workbookView xWindow="28680" yWindow="-5385" windowWidth="38640" windowHeight="21240" tabRatio="500" xr2:uid="{00000000-000D-0000-FFFF-FFFF00000000}"/>
  </bookViews>
  <sheets>
    <sheet name="Agreement Reached" sheetId="8" r:id="rId1"/>
    <sheet name="Instructions" sheetId="23" r:id="rId2"/>
    <sheet name="Agreement Reached Example" sheetId="27" r:id="rId3"/>
    <sheet name="Additional Information" sheetId="14" r:id="rId4"/>
    <sheet name="Pre-populated data" sheetId="24" state="hidden" r:id="rId5"/>
    <sheet name="Data Reported" sheetId="26" state="hidden" r:id="rId6"/>
  </sheets>
  <definedNames>
    <definedName name="_xlnm.Print_Area" localSheetId="0">'Agreement Reached'!$A$5:$L$54</definedName>
    <definedName name="_xlnm.Print_Area" localSheetId="2">'Agreement Reached Example'!$A$5:$L$54</definedName>
    <definedName name="_xlnm.Print_Area" localSheetId="1">Instructions!$A$1:$J$28</definedName>
  </definedNames>
  <calcPr calcId="191029"/>
  <extLst>
    <ext xmlns:x14="http://schemas.microsoft.com/office/spreadsheetml/2009/9/main" uri="{79F54976-1DA5-4618-B147-4CDE4B953A38}">
      <x14:workbookPr defaultImageDpi="32767"/>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H31" i="27" l="1"/>
  <c r="K28" i="27"/>
  <c r="J28" i="27"/>
  <c r="H28" i="27"/>
  <c r="G28" i="27"/>
  <c r="D28" i="27"/>
  <c r="L27" i="27"/>
  <c r="L26" i="27"/>
  <c r="L25" i="27"/>
  <c r="L24" i="27"/>
  <c r="L23" i="27"/>
  <c r="L22" i="27"/>
  <c r="L21" i="27"/>
  <c r="L20" i="27"/>
  <c r="A14" i="27" a="1"/>
  <c r="A14" i="27" s="1"/>
  <c r="F5" i="27"/>
  <c r="B5" i="27"/>
  <c r="B101" i="26" l="1"/>
  <c r="B64" i="26" l="1"/>
  <c r="B65" i="26"/>
  <c r="B66" i="26"/>
  <c r="B67" i="26"/>
  <c r="B68" i="26"/>
  <c r="B69" i="26"/>
  <c r="B70" i="26"/>
  <c r="B63" i="26"/>
  <c r="B56" i="26"/>
  <c r="B57" i="26"/>
  <c r="B58" i="26"/>
  <c r="B59" i="26"/>
  <c r="B60" i="26"/>
  <c r="B61" i="26"/>
  <c r="B62" i="26"/>
  <c r="B55" i="26"/>
  <c r="B48" i="26"/>
  <c r="B49" i="26"/>
  <c r="B50" i="26"/>
  <c r="B51" i="26"/>
  <c r="B52" i="26"/>
  <c r="B53" i="26"/>
  <c r="B54" i="26"/>
  <c r="B47" i="26"/>
  <c r="B40" i="26"/>
  <c r="B41" i="26"/>
  <c r="B42" i="26"/>
  <c r="B43" i="26"/>
  <c r="B44" i="26"/>
  <c r="B45" i="26"/>
  <c r="B46" i="26"/>
  <c r="B39" i="26"/>
  <c r="B32" i="26"/>
  <c r="B33" i="26"/>
  <c r="B34" i="26"/>
  <c r="B35" i="26"/>
  <c r="B36" i="26"/>
  <c r="B37" i="26"/>
  <c r="B38" i="26"/>
  <c r="B31" i="26"/>
  <c r="B24" i="26"/>
  <c r="B25" i="26"/>
  <c r="B26" i="26"/>
  <c r="B27" i="26"/>
  <c r="B28" i="26"/>
  <c r="B29" i="26"/>
  <c r="B30" i="26"/>
  <c r="B23" i="26"/>
  <c r="B16" i="26"/>
  <c r="B17" i="26"/>
  <c r="B18" i="26"/>
  <c r="B19" i="26"/>
  <c r="B20" i="26"/>
  <c r="B21" i="26"/>
  <c r="B22" i="26"/>
  <c r="B15" i="26"/>
  <c r="B8" i="26"/>
  <c r="B9" i="26"/>
  <c r="B10" i="26"/>
  <c r="B11" i="26"/>
  <c r="B12" i="26"/>
  <c r="B13" i="26"/>
  <c r="B14" i="26"/>
  <c r="B7" i="26"/>
  <c r="B6" i="26"/>
  <c r="B5" i="26"/>
  <c r="B3" i="26"/>
  <c r="B1" i="26"/>
  <c r="B80" i="26"/>
  <c r="B81" i="26"/>
  <c r="B82" i="26"/>
  <c r="B83" i="26"/>
  <c r="B84" i="26"/>
  <c r="B85" i="26"/>
  <c r="B86" i="26"/>
  <c r="B79" i="26"/>
  <c r="B72" i="26"/>
  <c r="B73" i="26"/>
  <c r="B74" i="26"/>
  <c r="B75" i="26"/>
  <c r="B76" i="26"/>
  <c r="B77" i="26"/>
  <c r="B78" i="26"/>
  <c r="B71" i="26"/>
  <c r="K241" i="24" l="1"/>
  <c r="F5" i="8" l="1"/>
  <c r="B2" i="26" l="1"/>
  <c r="A14" i="8" a="1"/>
  <c r="A14" i="8" s="1"/>
  <c r="B5" i="8"/>
  <c r="B4" i="26" l="1"/>
  <c r="H28" i="8" l="1"/>
  <c r="B98" i="26" l="1"/>
  <c r="H31" i="8"/>
  <c r="L21" i="8"/>
  <c r="L22" i="8"/>
  <c r="L23" i="8"/>
  <c r="L24" i="8"/>
  <c r="L25" i="8"/>
  <c r="L26" i="8"/>
  <c r="L27" i="8"/>
  <c r="L20" i="8"/>
  <c r="B94" i="26" l="1"/>
  <c r="B93" i="26"/>
  <c r="B92" i="26"/>
  <c r="B91" i="26"/>
  <c r="B90" i="26"/>
  <c r="B89" i="26"/>
  <c r="B87" i="26"/>
  <c r="B88" i="26"/>
  <c r="K28" i="8"/>
  <c r="B100" i="26" l="1"/>
  <c r="G28" i="8"/>
  <c r="B97" i="26" l="1"/>
  <c r="J28" i="8"/>
  <c r="C9" i="14"/>
  <c r="D28" i="8"/>
  <c r="B99" i="26" l="1"/>
  <c r="B96" i="26"/>
  <c r="B95" i="26"/>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2814" uniqueCount="919">
  <si>
    <t>First Nation:</t>
  </si>
  <si>
    <t>Varies</t>
  </si>
  <si>
    <t>Total</t>
  </si>
  <si>
    <t>STEP 1</t>
  </si>
  <si>
    <t>Chief of the First Nation (or delegate)</t>
  </si>
  <si>
    <t>Board and First Nation confirmation of outstanding area(s) of agreement</t>
  </si>
  <si>
    <t>First Nation A</t>
  </si>
  <si>
    <t>First Nation B</t>
  </si>
  <si>
    <t>First Nation C</t>
  </si>
  <si>
    <t>First Nation D</t>
  </si>
  <si>
    <t>First Nation E</t>
  </si>
  <si>
    <t>First Nation F</t>
  </si>
  <si>
    <t>First Nation G</t>
  </si>
  <si>
    <t>School A</t>
  </si>
  <si>
    <t>School B</t>
  </si>
  <si>
    <t>School C</t>
  </si>
  <si>
    <t>School D</t>
  </si>
  <si>
    <t>School E</t>
  </si>
  <si>
    <t>Bus Service from reserve to Location A is operated by the First Nation A</t>
  </si>
  <si>
    <t>riding the bus being transported to public schools to total students being transported, including those bused</t>
  </si>
  <si>
    <t xml:space="preserve">to First Nation schools on reserve and/or reciprocal tuition students being bused to First Nation schools on reserve. </t>
  </si>
  <si>
    <t>requiring customized transportation needs such as special vehicles are costed here.</t>
  </si>
  <si>
    <t xml:space="preserve"> </t>
  </si>
  <si>
    <t>Date Signed</t>
  </si>
  <si>
    <t xml:space="preserve">  </t>
  </si>
  <si>
    <t xml:space="preserve">Total Additional Cost of Proposed Tranportation Services for BCTEA Joint Committee review </t>
  </si>
  <si>
    <t>First Nation (not student name)</t>
  </si>
  <si>
    <t>STEP 4 - Proposed enhanced Transportation Services</t>
  </si>
  <si>
    <t xml:space="preserve">First Nation Band Number: </t>
  </si>
  <si>
    <t>Please select your Joint Plan type from the drop down menu on the right:</t>
  </si>
  <si>
    <r>
      <t xml:space="preserve">a. Costs of </t>
    </r>
    <r>
      <rPr>
        <b/>
        <sz val="12"/>
        <color theme="1"/>
        <rFont val="Calibri"/>
        <family val="2"/>
        <scheme val="minor"/>
      </rPr>
      <t>walking</t>
    </r>
    <r>
      <rPr>
        <sz val="12"/>
        <color theme="1"/>
        <rFont val="Calibri"/>
        <family val="2"/>
        <scheme val="minor"/>
      </rPr>
      <t xml:space="preserve"> to school may include cost of a walking school bus (including a supervisor) or crossing guards.</t>
    </r>
  </si>
  <si>
    <r>
      <t xml:space="preserve">b. Cost of </t>
    </r>
    <r>
      <rPr>
        <b/>
        <sz val="12"/>
        <color theme="1"/>
        <rFont val="Calibri"/>
        <family val="2"/>
        <scheme val="minor"/>
      </rPr>
      <t>bus service/run</t>
    </r>
    <r>
      <rPr>
        <sz val="12"/>
        <color theme="1"/>
        <rFont val="Calibri"/>
        <family val="2"/>
        <scheme val="minor"/>
      </rPr>
      <t xml:space="preserve"> (e.g. driver salary, fuel, insurance, vehicle maintenance)</t>
    </r>
    <r>
      <rPr>
        <b/>
        <sz val="12"/>
        <color theme="1"/>
        <rFont val="Calibri"/>
        <family val="2"/>
        <scheme val="minor"/>
      </rPr>
      <t xml:space="preserve"> provided by Board</t>
    </r>
    <r>
      <rPr>
        <sz val="12"/>
        <color theme="1"/>
        <rFont val="Calibri"/>
        <family val="2"/>
        <scheme val="minor"/>
      </rPr>
      <t xml:space="preserve"> prorated based on First Nations students  </t>
    </r>
  </si>
  <si>
    <t xml:space="preserve">d. Special needs students accommodated on regular school buses are costed as part of the bus service/run cost. Special needs students </t>
  </si>
  <si>
    <t xml:space="preserve">School District Transportation Contact:  </t>
  </si>
  <si>
    <t>Other sources (Please Describe):</t>
  </si>
  <si>
    <t>STEP 7</t>
  </si>
  <si>
    <t>School F</t>
  </si>
  <si>
    <t>School G</t>
  </si>
  <si>
    <t>INSTRUCTIONS:</t>
  </si>
  <si>
    <t>Step 3 - Document the annual cost of service without BCTEA funding.</t>
  </si>
  <si>
    <t>Refer to the Instructions Tab for more details on each Step.</t>
  </si>
  <si>
    <t>INTRODUCTION:</t>
  </si>
  <si>
    <t xml:space="preserve">Step 4 - Description of the proposed enhanced transportation service(s) identified by First Nation.
</t>
  </si>
  <si>
    <t xml:space="preserve"> STEP 2 – Base Level of service (prior to accessing BCTEA funding)</t>
  </si>
  <si>
    <t>Board E does not provide bus service to students walking 3 kms to School E</t>
  </si>
  <si>
    <t>First Nation H students are picked up at a consolidated bus stop location near the reserve</t>
  </si>
  <si>
    <t>Some First Nations living on reserve attending School F walk about 1 kilometre to school</t>
  </si>
  <si>
    <t>Step 2 - Description of Transportation Service provided by Board and/or First Nation. 
This is the base level of service prior to submitting the first Joint Plan and accessing the First Nation Student Transportation Fund.</t>
  </si>
  <si>
    <r>
      <t xml:space="preserve">Provincial Student Transportation Fund </t>
    </r>
    <r>
      <rPr>
        <b/>
        <sz val="12"/>
        <color theme="1"/>
        <rFont val="Calibri"/>
        <family val="2"/>
        <scheme val="minor"/>
      </rPr>
      <t>(STF)</t>
    </r>
  </si>
  <si>
    <t>Total Cost of Base Services provided by School District and or First Nation (excluding First Nation Student Transportation Fund)</t>
  </si>
  <si>
    <t xml:space="preserve">School District Number:  </t>
  </si>
  <si>
    <t>Transportation services provided by Board D result in long bus ride times for students, early pick-up times for students, late arrival at school, crowding and/or inadequate access to extracurricular activities.</t>
  </si>
  <si>
    <t>Step 7 - Board and First Nation approval and sign off of Joint Plans.</t>
  </si>
  <si>
    <t>First Nation C experiences excessive and/or unsafe walking distances to schools or bus stops along busy roads and exposure to wildlife, and adverse weather conditions</t>
  </si>
  <si>
    <t>SD Name</t>
  </si>
  <si>
    <t>Band Name</t>
  </si>
  <si>
    <t>Kispiox</t>
  </si>
  <si>
    <t>Gitanyow</t>
  </si>
  <si>
    <t>Matsqui</t>
  </si>
  <si>
    <t>Taku River Tlingit</t>
  </si>
  <si>
    <t xml:space="preserve">Gitanmaax </t>
  </si>
  <si>
    <t>Glen Vowell (Sik-e-dak)</t>
  </si>
  <si>
    <t>Aitchelitz</t>
  </si>
  <si>
    <t>Skowkale</t>
  </si>
  <si>
    <t>Yakweakwioose</t>
  </si>
  <si>
    <t>Union Bar</t>
  </si>
  <si>
    <t>Ehattesaht</t>
  </si>
  <si>
    <t>Nuchatlaht</t>
  </si>
  <si>
    <t>Tsawout</t>
  </si>
  <si>
    <t>Tseycum</t>
  </si>
  <si>
    <t>Tla-o-qui-aht</t>
  </si>
  <si>
    <t xml:space="preserve">Southeast Kootenay                      </t>
  </si>
  <si>
    <t xml:space="preserve">Rocky Mountain                          </t>
  </si>
  <si>
    <t>Kootenay Lake</t>
  </si>
  <si>
    <t xml:space="preserve">Vernon                                  </t>
  </si>
  <si>
    <t xml:space="preserve">Central Okanagan                        </t>
  </si>
  <si>
    <t xml:space="preserve">Cariboo-Chilcotin                       </t>
  </si>
  <si>
    <t xml:space="preserve">Quesnel                                 </t>
  </si>
  <si>
    <t xml:space="preserve">Chilliwack                              </t>
  </si>
  <si>
    <t xml:space="preserve">Abbotsford                              </t>
  </si>
  <si>
    <t xml:space="preserve">Langley                                 </t>
  </si>
  <si>
    <t xml:space="preserve">Surrey                                  </t>
  </si>
  <si>
    <t>Burnaby</t>
  </si>
  <si>
    <t xml:space="preserve">Maple Ridge-Pitt Meadows                </t>
  </si>
  <si>
    <t xml:space="preserve">Coquitlam                               </t>
  </si>
  <si>
    <t xml:space="preserve">Central Coast                           </t>
  </si>
  <si>
    <t xml:space="preserve">Prince Rupert                           </t>
  </si>
  <si>
    <t xml:space="preserve">Okanagan Similkameen                    </t>
  </si>
  <si>
    <t xml:space="preserve">Bulkley Valley                          </t>
  </si>
  <si>
    <t xml:space="preserve">Prince George                           </t>
  </si>
  <si>
    <t xml:space="preserve">Nicola-Similkameen                      </t>
  </si>
  <si>
    <t xml:space="preserve">Peace River South                       </t>
  </si>
  <si>
    <t xml:space="preserve">Peace River North                       </t>
  </si>
  <si>
    <t xml:space="preserve">Greater Victoria                        </t>
  </si>
  <si>
    <t>Gulf Islands</t>
  </si>
  <si>
    <t xml:space="preserve">Okanagan Skaha                          </t>
  </si>
  <si>
    <t xml:space="preserve">Nanaimo-Ladysmith                       </t>
  </si>
  <si>
    <t xml:space="preserve">Qualicum                                </t>
  </si>
  <si>
    <t xml:space="preserve">Pacific Rim                             </t>
  </si>
  <si>
    <t xml:space="preserve">Comox Valley                            </t>
  </si>
  <si>
    <t xml:space="preserve">Campbell River                          </t>
  </si>
  <si>
    <t xml:space="preserve">Kamloops-Thompson                       </t>
  </si>
  <si>
    <t xml:space="preserve">Mission                                 </t>
  </si>
  <si>
    <t xml:space="preserve">Fraser-Cascade                          </t>
  </si>
  <si>
    <t xml:space="preserve">Cowichan Valley                         </t>
  </si>
  <si>
    <t xml:space="preserve">Fort Nelson                             </t>
  </si>
  <si>
    <t xml:space="preserve">North Okanagan-Shuswap                  </t>
  </si>
  <si>
    <t xml:space="preserve">Vancouver Island West                   </t>
  </si>
  <si>
    <t xml:space="preserve">Vancouver Island North                  </t>
  </si>
  <si>
    <t xml:space="preserve">Stikine                                 </t>
  </si>
  <si>
    <t xml:space="preserve">Nechako Lakes                           </t>
  </si>
  <si>
    <t>First Nation Transportation Contact Name:</t>
  </si>
  <si>
    <t>Contact Phone number/Email address</t>
  </si>
  <si>
    <t>SD #</t>
  </si>
  <si>
    <t>First Nation Name</t>
  </si>
  <si>
    <t>Number of Students Requiring transportation</t>
  </si>
  <si>
    <t>Services Provided by School District Line 1</t>
  </si>
  <si>
    <t>Services Provided by School District Line 2</t>
  </si>
  <si>
    <t>Services Provided by School District Line 3</t>
  </si>
  <si>
    <t>Services Provided by School District Line 4</t>
  </si>
  <si>
    <t>Services Provided by School District Line 5</t>
  </si>
  <si>
    <t>Services Provided by School District Line 6</t>
  </si>
  <si>
    <t>Services Provided by School District Line 7</t>
  </si>
  <si>
    <t>Driver Salary</t>
  </si>
  <si>
    <t>Driver Benefits</t>
  </si>
  <si>
    <t>Bus insurance</t>
  </si>
  <si>
    <t>BCTEA Request Description Line 1</t>
  </si>
  <si>
    <t>BCTEA Request Description Line 2</t>
  </si>
  <si>
    <t>BCTEA Request Description Line 3</t>
  </si>
  <si>
    <t>BCTEA Request Description Line 4</t>
  </si>
  <si>
    <t>BCTEA Request Description Line 5</t>
  </si>
  <si>
    <t>BCTEA Request Description Line 6</t>
  </si>
  <si>
    <t>BCTEA Request Description Line 7</t>
  </si>
  <si>
    <t>BCTEA Request Amount Line 1</t>
  </si>
  <si>
    <t>BCTEA Request Amount Line 2</t>
  </si>
  <si>
    <t>BCTEA Request Amount Line 3</t>
  </si>
  <si>
    <t>BCTEA Request Amount Line 4</t>
  </si>
  <si>
    <t>BCTEA Request Amount Line 5</t>
  </si>
  <si>
    <t>BCTEA Request Amount Line 6</t>
  </si>
  <si>
    <t>BCTEA Request Amount Line 7</t>
  </si>
  <si>
    <t>Fuel</t>
  </si>
  <si>
    <t>Cost of Services Provided by School District Line 1</t>
  </si>
  <si>
    <t>Cost of Services Provided by School District Line 2</t>
  </si>
  <si>
    <t>Cost of Services Provided by School District Line 3</t>
  </si>
  <si>
    <t>Cost of Services Provided by School District Line 4</t>
  </si>
  <si>
    <t>Cost of Services Provided by School District Line 5</t>
  </si>
  <si>
    <t>Cost of Services Provided by School District Line 6</t>
  </si>
  <si>
    <t>Cost of Services Provided by School District Line 7</t>
  </si>
  <si>
    <t>Item</t>
  </si>
  <si>
    <t>Transportation Service Category Line 1</t>
  </si>
  <si>
    <t>Transportation Service Category Line 2</t>
  </si>
  <si>
    <t>Transportation Service Category Line 3</t>
  </si>
  <si>
    <t>Transportation Service Category Line 4</t>
  </si>
  <si>
    <t>Transportation Service Category Line 5</t>
  </si>
  <si>
    <t>Transportation Service Category Line 6</t>
  </si>
  <si>
    <t>Transportation Service Category Line 7</t>
  </si>
  <si>
    <t xml:space="preserve">STO:LO </t>
  </si>
  <si>
    <t xml:space="preserve">STO:LO TRIBAL C </t>
  </si>
  <si>
    <t xml:space="preserve">NUU-CHAH-NULTH </t>
  </si>
  <si>
    <t xml:space="preserve">GITKSAN LOCAL S </t>
  </si>
  <si>
    <t>Vancouver</t>
  </si>
  <si>
    <t>North Vancouver</t>
  </si>
  <si>
    <t>West Vancouver</t>
  </si>
  <si>
    <t>Sea to Sky</t>
  </si>
  <si>
    <t>Haida Gwaii</t>
  </si>
  <si>
    <t>Sooke</t>
  </si>
  <si>
    <t>Saanich</t>
  </si>
  <si>
    <t>Gold Trail</t>
  </si>
  <si>
    <t>Coast Mountain</t>
  </si>
  <si>
    <t>Nominal Roll</t>
  </si>
  <si>
    <t xml:space="preserve">Step 6 - Provide a breakdown of the base service total cost (i.e., the total sum of column H) by the funding source: 
</t>
  </si>
  <si>
    <t>BCTEA Request Amount Line 8</t>
  </si>
  <si>
    <t>BCTEA Request Description Line 8</t>
  </si>
  <si>
    <t>Board Chair (or delegate)</t>
  </si>
  <si>
    <t>STEP 1 - Continued</t>
  </si>
  <si>
    <t xml:space="preserve"> Transportation Services</t>
  </si>
  <si>
    <t>Total Cost of Base Services provided by Board and/or First Nation (excluding First Nation Student Transportation Fund).</t>
  </si>
  <si>
    <t>Total Additional Cost of Proposed Tranportation Services for BCTEA Joint Committee review.</t>
  </si>
  <si>
    <r>
      <t xml:space="preserve">Provincial Preliminary Operating Grant (Table 2A): </t>
    </r>
    <r>
      <rPr>
        <b/>
        <sz val="12"/>
        <color theme="1"/>
        <rFont val="Calibri"/>
        <family val="2"/>
        <scheme val="minor"/>
      </rPr>
      <t>Contained within the operating grant is the Student Location Factor (SLF) and Supplemental Student Location Factor (SSLF)</t>
    </r>
  </si>
  <si>
    <t>Open text space here.</t>
  </si>
  <si>
    <t>Other</t>
  </si>
  <si>
    <t>Background</t>
  </si>
  <si>
    <t>Background: Provide Contact Information and Joint Plan Type:</t>
  </si>
  <si>
    <t>Step 1 - Complete worksheet for ALL First Nation Students in the school district requiring transportation.</t>
  </si>
  <si>
    <t>Notes for STEP 5 - Cost of Transportation (annual cost):</t>
  </si>
  <si>
    <t>Estimated student travel distance to school (KMs)
 one way</t>
  </si>
  <si>
    <r>
      <rPr>
        <b/>
        <sz val="12"/>
        <color theme="1"/>
        <rFont val="Calibri"/>
        <family val="2"/>
        <scheme val="minor"/>
      </rPr>
      <t>Description of proposed enhanced Transportation Services</t>
    </r>
    <r>
      <rPr>
        <sz val="12"/>
        <color theme="1"/>
        <rFont val="Calibri"/>
        <family val="2"/>
        <scheme val="minor"/>
      </rPr>
      <t xml:space="preserve"> identified by First Nation and school district.</t>
    </r>
  </si>
  <si>
    <t>c. Water service cost based on total cost of service prorated by First Nation students to total passengers or cost of specific school water transportation runs.</t>
  </si>
  <si>
    <t>Bus maintenance (provide examples such as annual repairs, inspections)</t>
  </si>
  <si>
    <t>*Excluded costs include: driver phone, licensing, training , criminal record checks</t>
  </si>
  <si>
    <t>First Nation H</t>
  </si>
  <si>
    <t>School H</t>
  </si>
  <si>
    <t>Transportation Service Category Line 8</t>
  </si>
  <si>
    <t>Services Provided by School District Line 8</t>
  </si>
  <si>
    <t>Cost of Services Provided by School District Line 8</t>
  </si>
  <si>
    <t>Estimated student travel distance to school (KMs) one way Line 1</t>
  </si>
  <si>
    <t>Estimated student travel distance to school (KMs) one way Line 2</t>
  </si>
  <si>
    <t>Estimated student travel distance to school (KMs) one way Line 3</t>
  </si>
  <si>
    <t>Estimated student travel distance to school (KMs) one way Line 4</t>
  </si>
  <si>
    <t>Estimated student travel distance to school (KMs) one way Line 5</t>
  </si>
  <si>
    <t>Estimated student travel distance to school (KMs) one way Line 6</t>
  </si>
  <si>
    <t>Estimated student travel distance to school (KMs) one way Line 7</t>
  </si>
  <si>
    <t>Estimated student travel distance to school (KMs) one way Line 8</t>
  </si>
  <si>
    <t>Joint Plan type</t>
  </si>
  <si>
    <t>Revision to Previous Joint Plan</t>
  </si>
  <si>
    <t>Board B doesn't pay for water transportation  cost for students attending public school operated by the First Nation B</t>
  </si>
  <si>
    <t xml:space="preserve">Board A pays for bus service to public schools operated by First Nation A
</t>
  </si>
  <si>
    <t xml:space="preserve">Board B pays for water transportation service transporting students to public school
</t>
  </si>
  <si>
    <t xml:space="preserve">Board C to work with First Nation C to implement appropriate transportation and/or safety measures to ensure students arrive safely to school </t>
  </si>
  <si>
    <t>Board D to work with First Nations D to implement the shortest ride possible to school, appropriate pick-up times to ensure students arrive on-time, safe travel conditions and access to transportation for extracurricular activities.</t>
  </si>
  <si>
    <t xml:space="preserve">First Nation E requesting Board E provide bus service to students to improve safety related to students walking along busy roads
</t>
  </si>
  <si>
    <t xml:space="preserve">First Nation F requesting Board F provide walking school bus or school crossing guards on busy road crossings to improve student safety </t>
  </si>
  <si>
    <t xml:space="preserve">
Board G should pay the fares for First Nations students travelling to public school by BC Ferry, and if necessary a safety/supervisor resource</t>
  </si>
  <si>
    <t xml:space="preserve"> First Nation students picked up or dropped off at two bus stop locations on reserve as per First Nations' request </t>
  </si>
  <si>
    <t>* If there are discrepencies related to this number, please proceed with Joint Transportation planning. It is noted here only to support planning</t>
  </si>
  <si>
    <r>
      <rPr>
        <b/>
        <sz val="12"/>
        <color theme="1"/>
        <rFont val="Calibri"/>
        <family val="2"/>
        <scheme val="minor"/>
      </rPr>
      <t>Description of proposed enhanced Transportation Services</t>
    </r>
    <r>
      <rPr>
        <sz val="12"/>
        <color theme="1"/>
        <rFont val="Calibri"/>
        <family val="2"/>
        <scheme val="minor"/>
      </rPr>
      <t xml:space="preserve"> identified by First Nation and school district.</t>
    </r>
  </si>
  <si>
    <r>
      <rPr>
        <b/>
        <sz val="12"/>
        <rFont val="Calibri"/>
        <family val="2"/>
        <scheme val="minor"/>
      </rPr>
      <t>Description of Transportation Services</t>
    </r>
    <r>
      <rPr>
        <sz val="12"/>
        <rFont val="Calibri"/>
        <family val="2"/>
        <scheme val="minor"/>
      </rPr>
      <t xml:space="preserve"> provided by and funded by the Board and/or First Nation to transport First Nation Students</t>
    </r>
    <r>
      <rPr>
        <b/>
        <sz val="12"/>
        <rFont val="Calibri"/>
        <family val="2"/>
        <scheme val="minor"/>
      </rPr>
      <t xml:space="preserve"> </t>
    </r>
    <r>
      <rPr>
        <sz val="12"/>
        <rFont val="Calibri"/>
        <family val="2"/>
        <scheme val="minor"/>
      </rPr>
      <t>prior to submitting the first Joint Plan and accessing the First Nation Student Transportation Fund. 
Additional transportation services funded by the district and implemented since the initial Joint Plan may be included here</t>
    </r>
    <r>
      <rPr>
        <b/>
        <sz val="12"/>
        <rFont val="Calibri"/>
        <family val="2"/>
        <scheme val="minor"/>
      </rPr>
      <t>.</t>
    </r>
  </si>
  <si>
    <t>Bus Operation Costs</t>
  </si>
  <si>
    <t>Parental Assistance</t>
  </si>
  <si>
    <t>daily transportation from residence to school</t>
  </si>
  <si>
    <t>Bus provided by Band to supplement District bussing</t>
  </si>
  <si>
    <t xml:space="preserve">STEP 3(a) - 
2023/24 Cost of
 Base Service  </t>
  </si>
  <si>
    <t xml:space="preserve">STEP 3(b) - 
2024/25 Cost of
 Base Service  </t>
  </si>
  <si>
    <t>STEP 5(b) - 
2024/25 Cost of 
Proposed
 Service for BCTEA Funding*</t>
  </si>
  <si>
    <t>Name of School Attending</t>
  </si>
  <si>
    <t>Difference</t>
  </si>
  <si>
    <t>2024/25 Cost</t>
  </si>
  <si>
    <t>Describe reason for increase, if more than 15%</t>
  </si>
  <si>
    <t>2023/24 Costs (If provided)</t>
  </si>
  <si>
    <t>2024/25 Joint Transportation Plan Worksheet</t>
  </si>
  <si>
    <r>
      <rPr>
        <b/>
        <sz val="16"/>
        <color theme="1"/>
        <rFont val="Calibri"/>
        <family val="2"/>
        <scheme val="minor"/>
      </rPr>
      <t>NOTE:</t>
    </r>
    <r>
      <rPr>
        <sz val="16"/>
        <color theme="1"/>
        <rFont val="Calibri"/>
        <family val="2"/>
        <scheme val="minor"/>
      </rPr>
      <t xml:space="preserve"> Please complete yellow portions below, and complete one worksheet for each First Nation organized by transportation service and/or school.
Boards are asked to return the Final 2024/25 BCTEA Joint Transportation Plan Worksheet.xls to the Ministry in Excel format along with any other formats that best supports the Board and First Nation sign-off processes e.g., Excel and a signed Adobe PDF. </t>
    </r>
  </si>
  <si>
    <t>For reference, number of Students ordinarily living on reserve attending public school as noted between the Provincial 1701 and Indigenous Services Canada Nominal Roll for 2022/23.*
(Both First Nation Band Number and School District must be selected to prepopulate the cell below)</t>
  </si>
  <si>
    <t>Instructions for the submission of Joint First Nation Student Transportation Plans for the 2024/25 School Year</t>
  </si>
  <si>
    <t>STEP 3</t>
  </si>
  <si>
    <t xml:space="preserve">STEP 5 </t>
  </si>
  <si>
    <r>
      <rPr>
        <b/>
        <sz val="12"/>
        <color theme="1"/>
        <rFont val="Calibri"/>
        <family val="2"/>
        <scheme val="minor"/>
      </rPr>
      <t xml:space="preserve">PROXY: </t>
    </r>
    <r>
      <rPr>
        <sz val="12"/>
        <color theme="1"/>
        <rFont val="Calibri"/>
        <family val="2"/>
        <scheme val="minor"/>
      </rPr>
      <t xml:space="preserve">Federal First Nation Student Rate (FNSR): Under BCTEA, there is a portion of the FNSR derived from the Student Location Factor (SLF), Supplementary Student Location Factor (SSLF) and Provincial Student Transportation Fund (STF) that is considered a proxy for transportation (See </t>
    </r>
    <r>
      <rPr>
        <b/>
        <i/>
        <sz val="12"/>
        <color theme="1"/>
        <rFont val="Calibri"/>
        <family val="2"/>
        <scheme val="minor"/>
      </rPr>
      <t>BCTEA 2023/24 Report Template</t>
    </r>
    <r>
      <rPr>
        <sz val="12"/>
        <color theme="1"/>
        <rFont val="Calibri"/>
        <family val="2"/>
        <scheme val="minor"/>
      </rPr>
      <t xml:space="preserve"> value in cell G:29 on Revenue-Spending Report Tab).  This amount is the minimum of the FNSR that should be applied to the transportation of First Nations Students living on reserve attending public school. This amount can be supplemented by other funding from the FNSR and from provincial operating funding and special grants.  As per BCTEA Schedule G, this amount was meant to be removed from the First Nation Student Rate and it has not been removed. </t>
    </r>
  </si>
  <si>
    <r>
      <rPr>
        <b/>
        <sz val="12"/>
        <color theme="1"/>
        <rFont val="Calibri"/>
        <family val="2"/>
        <scheme val="minor"/>
      </rPr>
      <t>Transportation Service Category</t>
    </r>
    <r>
      <rPr>
        <sz val="12"/>
        <color theme="1"/>
        <rFont val="Calibri"/>
        <family val="2"/>
        <scheme val="minor"/>
      </rPr>
      <t xml:space="preserve"> </t>
    </r>
  </si>
  <si>
    <t>• Complete School District and First Nation's contact information e.g., Name, School District and/or Band number and transportation plan contact name and email address.</t>
  </si>
  <si>
    <t xml:space="preserve">• Boards and First Nations should identify and develop transportation services and/or strategies which best meet the transportation needs of First Nation Students attending BC Public School(s). These strategies may include agreement for First Nation Students to walk to nearby BC Public School(s), be transported by school bus, water transportation, or other means. It is important to ensure a discussion regarding First Nation Students’ extracurricular transportation needs and priorities occurs, however, funding for transportation to extracurricular activities is managed and allocated separately, and not through the Joint Plan process. </t>
  </si>
  <si>
    <t xml:space="preserve">• To receive funding from the First Nation Student Transportation Fund (supplemental to other existing funding), each Board and First Nation is required to submit to the Ministry a signed 2024/25 Joint Transportation Plan Worksheet that summarizes information on First Nation Student transportation needs. </t>
  </si>
  <si>
    <t>Step 5 - Document the annual cost of the proposed service for BCTEA funding.</t>
  </si>
  <si>
    <t>Special Supports</t>
  </si>
  <si>
    <t>To/From Bus</t>
  </si>
  <si>
    <t>To/From Water</t>
  </si>
  <si>
    <r>
      <t xml:space="preserve">Step 6 - Funding for transportation is available from different sources of funding.
• </t>
    </r>
    <r>
      <rPr>
        <sz val="11"/>
        <color theme="1"/>
        <rFont val="Calibri"/>
        <family val="2"/>
        <scheme val="minor"/>
      </rPr>
      <t xml:space="preserve">Provide a breakdown of the total sum of </t>
    </r>
    <r>
      <rPr>
        <sz val="11"/>
        <rFont val="Calibri"/>
        <family val="2"/>
        <scheme val="minor"/>
      </rPr>
      <t xml:space="preserve">column H </t>
    </r>
    <r>
      <rPr>
        <sz val="11"/>
        <color theme="1"/>
        <rFont val="Calibri"/>
        <family val="2"/>
        <scheme val="minor"/>
      </rPr>
      <t xml:space="preserve">by the funding sources identified (yellow fields).  Funding sources include the "proxy", general operating budget (that contains the Student Location Factor and Supplemental Student Location Factor), and the Provincial Student Transportation Fund. 
 </t>
    </r>
  </si>
  <si>
    <t>• According to the school district number and First Nation band number in the Background section, the number of Students ordinarily living on reserve attending public school as noted between the Provincial 1701 and Indigenous Services Canada Nominal Roll for 2022/23 is pre-populated in Step 1. The number of Students is meant to be used as a guide for the 2024/25 joint planning process.  If there are discrepencies related to this number, please proceed with Joint Transportation planning, it is only used as a reference for this process.</t>
  </si>
  <si>
    <t>Please provide details of Special Supports needs. Describe the type of special support and reason/purpose.</t>
  </si>
  <si>
    <t>STEP 5(a) - 
2023/24 Cost of 
Approved
 Service for BCTEA Funding*</t>
  </si>
  <si>
    <t>Does the school district have a current policy on Parental Assistance? If so, please provide details and how it has been applied to this request.</t>
  </si>
  <si>
    <r>
      <rPr>
        <b/>
        <sz val="10"/>
        <color theme="1"/>
        <rFont val="Calibri"/>
        <family val="2"/>
        <scheme val="minor"/>
      </rPr>
      <t>BCTEA Parental Transportation Supports Policy:</t>
    </r>
    <r>
      <rPr>
        <sz val="10"/>
        <color theme="1"/>
        <rFont val="Calibri"/>
        <family val="2"/>
        <scheme val="minor"/>
      </rPr>
      <t xml:space="preserve"> It is the expectation that First Nation Students on reserve will be bused to school. Funding for parental transportation assistance has only been allocated in extraordinary circumstances. School of choice is not considered an extraordinary circumstance eligible for BCTEA parental transportation assistance funding. Previous approvals for parental transportation support are subject to review and may not be approved in future Joint Plan reviews. </t>
    </r>
  </si>
  <si>
    <t>SD#</t>
  </si>
  <si>
    <t xml:space="preserve">Band # </t>
  </si>
  <si>
    <t>Band</t>
  </si>
  <si>
    <t xml:space="preserve">ʔaq'am </t>
  </si>
  <si>
    <t xml:space="preserve">Witset (formerly Moricetown) </t>
  </si>
  <si>
    <t>Yaq̓it ʔa·knuqⱡi ‘it (Tobacco Plains)</t>
  </si>
  <si>
    <t>Bus</t>
  </si>
  <si>
    <t>daily bus transportation from residence to school</t>
  </si>
  <si>
    <t xml:space="preserve">ʔakisq̓nuk </t>
  </si>
  <si>
    <t>Status Quo</t>
  </si>
  <si>
    <t>Bus service at the student's driveway where possible. Total per student transportation amount of $1,162.35 multiplied by number of students.</t>
  </si>
  <si>
    <t>Provide Transportation Assistance to students for whom it is not safe to provide driveway pickup, to the closest bus stop. Milage of $0.55 for 182 instructional days (182*.55*mileage)</t>
  </si>
  <si>
    <t xml:space="preserve">Kenpesq’t (Shuswap Band) </t>
  </si>
  <si>
    <t>Bus service at the student's driveway where possible</t>
  </si>
  <si>
    <t xml:space="preserve">Exceptional circumstance. Supplemental funding to support student transportation to and from school. School district pay .42 cents as baseline investment -this is offered to all students. </t>
  </si>
  <si>
    <t>Provide Transportation Assistance to students for whom it is not safe to provide driveway pickup, to the closest bus stop. Milage of $0.60 for 182 instructional days (182*.60*mileage)</t>
  </si>
  <si>
    <t>Provide Transportation Assistance to student with a  behaviour disability that makes it challenging for them to ride bus without supervision. Supervisor resource has been sought by SD uncussesfully. Supplemental milage of $0.18 for 182 instructional days (182*.18*mileage) requested</t>
  </si>
  <si>
    <t>Provide Transportation Assistance to student wiht a  behaviour disability that makes it challenging for them to ride bus without supervision. Supervisor resource has been sought by SD uncussesfully. Supplemental milage of $0.18 for 182 instructional days (182*.18*mileage) requested</t>
  </si>
  <si>
    <t xml:space="preserve">Yaqan Nukiy (Lower Kootenay) </t>
  </si>
  <si>
    <t>School Bus</t>
  </si>
  <si>
    <t>Regular school bus, yellow bus for all students within catchment</t>
  </si>
  <si>
    <t>Board to work with First Nation to provide the shortest ride possible, individualized transportation service in partnership with families and the nation, convenient and appropriate pick up times and safe travel conditions.</t>
  </si>
  <si>
    <t xml:space="preserve">Hagwilget Village </t>
  </si>
  <si>
    <t xml:space="preserve">Okanagan </t>
  </si>
  <si>
    <t>AM10</t>
  </si>
  <si>
    <t>PM18</t>
  </si>
  <si>
    <t>PM10</t>
  </si>
  <si>
    <t>AM07</t>
  </si>
  <si>
    <t xml:space="preserve">Transportation Assistance </t>
  </si>
  <si>
    <t>to and from school services provided with a transportation fee</t>
  </si>
  <si>
    <t>out of district and/or out of catchemtn service not provided for in current policy</t>
  </si>
  <si>
    <t>Extracurricular not provided</t>
  </si>
  <si>
    <t xml:space="preserve">Gitsegukla </t>
  </si>
  <si>
    <t xml:space="preserve">Saulteau </t>
  </si>
  <si>
    <t xml:space="preserve">Gitwangak </t>
  </si>
  <si>
    <t xml:space="preserve">Takla </t>
  </si>
  <si>
    <t xml:space="preserve">Tsq'escen (Canim Lake) </t>
  </si>
  <si>
    <t>SD27 provides bus services for student on-reserve to attend their public schools.  Cost included in Base Service Cost.</t>
  </si>
  <si>
    <t>Extracurricular FTE *140</t>
  </si>
  <si>
    <t xml:space="preserve">Haíłzaqv (Heiltsuk) </t>
  </si>
  <si>
    <t xml:space="preserve">Esk'etemc </t>
  </si>
  <si>
    <t>Students participating in curricular hockey course are not allowed to transport their equipment bag on the bus.  Parents must drive the bag in and we would like to submit their mileage claim 2 trips/week, 106 round trip, 0.58/km x 20 weeks X students</t>
  </si>
  <si>
    <t>Parental Assistance for parent who needs to drive to bus stop 2.71 x4x180</t>
  </si>
  <si>
    <t xml:space="preserve">Student participating in hockey academy are asked to pay a fee which includes $50 transportation cost.    We would like to not burden families with this cost (students x $50) </t>
  </si>
  <si>
    <t>Extra curricular = FTE x $140</t>
  </si>
  <si>
    <t xml:space="preserve">Nuxalk </t>
  </si>
  <si>
    <t xml:space="preserve">Xatśūll (Soda Creek) </t>
  </si>
  <si>
    <t>SD27 provides bus service for students on-reserve to attend their public schools.  Cost included in Base Service.</t>
  </si>
  <si>
    <t>Additional bus run created to service Xatsull Village site</t>
  </si>
  <si>
    <t>Extracurricular FTE x 140</t>
  </si>
  <si>
    <t xml:space="preserve">Wuikinuxv </t>
  </si>
  <si>
    <t xml:space="preserve">Stswecem’c Xget’tem (formerly Canoe Creek) </t>
  </si>
  <si>
    <t>Students are currently transported to Dog Creek School by family.  SD27 purchased a bus to be used in the community but SD27 and the community have been unable to find driver (Cost of bus listed- estimated cost of paying families transportation assistance is 23385)</t>
  </si>
  <si>
    <t>SD27 transports students to Lake City Sec. by bus from Dog Creek.  Cost included in Base Service.</t>
  </si>
  <si>
    <t>SD27 transports students to Columneetza Jr.  Sec. by bus from Dog Creek.  Cost included in Base Service.</t>
  </si>
  <si>
    <t>Extra curricular FTE x$140</t>
  </si>
  <si>
    <t>Parent chooses to enroll child in town school and transports their child daily 180 Km round trip, 180 days, 0.58\km</t>
  </si>
  <si>
    <t xml:space="preserve">Tl'etinqox </t>
  </si>
  <si>
    <t>SD27 Daily bus service from Tletinqox to Alexis Creek</t>
  </si>
  <si>
    <t>SD27 Bus Transport from Tl'etinqox to Williams Lake on Sundays and Friday for students Boarding Williams Lake.  Cost included in the Cost of Base Service</t>
  </si>
  <si>
    <t>A parent chooses to drive their student to the nearest bus stop which is 106 km round trip instead of having them live in a boarding home.  106 km x 180 days x 0.58</t>
  </si>
  <si>
    <t>Extra Curricular FTE x $140</t>
  </si>
  <si>
    <t xml:space="preserve">Tl'esqox (formerly Toosey Band) </t>
  </si>
  <si>
    <t>SD27 Daily bus service from Tl'esqox to school in Williams Lake.  Cost included in the Base Service Cost.</t>
  </si>
  <si>
    <t>Extracurricular FTE x $140</t>
  </si>
  <si>
    <t>First Nation identifying need for transportation for 3 students who are cross enrolled.  They attend DL course in community in the morning and then shuttle to town.  Cost is calculated by $70/day (wages and km̓s provided by band) x 179 school days</t>
  </si>
  <si>
    <t xml:space="preserve">Tŝideldel </t>
  </si>
  <si>
    <t>SD27 Bus Transport from Tsideldel to Williams Lake on Sundays and Fridays for students Boarding in Williams Lake.</t>
  </si>
  <si>
    <t>Extracurricular FTEx$140</t>
  </si>
  <si>
    <t xml:space="preserve">Students participating in curricular hockey course are not allowed to transport their equipment bag on the bus.  Parents must drive the bag in and we would like to submit their mileage claim </t>
  </si>
  <si>
    <t xml:space="preserve">During cold winter months there is not a warm location for students to wait for bus.  Concern has been raised about the cost of fuel while waiting at bus stop.  Requesting compensation for cost of fuel for parents for the 4 cold months (4x6x$25) </t>
  </si>
  <si>
    <t>Students also pay a portion of registration in a hockey academy for travel expenses.  This works out to $50/student.  We would like to not burden families with this expense. (FTE x$50)</t>
  </si>
  <si>
    <t xml:space="preserve">Ulkatchot'en </t>
  </si>
  <si>
    <t>SD27 Provides bus services for students on-reserve to attend their public schools.</t>
  </si>
  <si>
    <t>SD27 Provides bus services for students on-reserve to attend their public schools.  Cost included in the Base Service amount.</t>
  </si>
  <si>
    <t>SD27 provides bus services for students on-reserve to attend their public schools.  Cost included in the Base Service Amount.</t>
  </si>
  <si>
    <t xml:space="preserve">First Nation identified need for transition events for students from Anahim Lake school to travel to town to take part in events at Lake City Secondary.  This quote is based on three bus trips.  </t>
  </si>
  <si>
    <t xml:space="preserve">Fort Nelson </t>
  </si>
  <si>
    <t xml:space="preserve">T'exelc (Williams Lake) </t>
  </si>
  <si>
    <t>SD27 provides bus services for students on-reserve to attend their public schools.</t>
  </si>
  <si>
    <t>SD27 provides bus service for students on-reserve to attend their public schools.  Cost included in the cost of base service.</t>
  </si>
  <si>
    <t>S27 provides bus service for students on-reserve to attend their public schools.  Cost included in the cost of base service.</t>
  </si>
  <si>
    <t>Students participating in curricular hockey course are not allowed to transport their equipment bag on the bus.  Parents must drive the bag in and we would like to submit their mileage claim 25 km</t>
  </si>
  <si>
    <t xml:space="preserve">Student participating in hockey program also pay a board approved fee of $200.00  This included $50.00 for transportation to a private arena.  We would like to not charge this amount to the nations that </t>
  </si>
  <si>
    <t>Extra curricular FTE x $140</t>
  </si>
  <si>
    <t xml:space="preserve">Extra bus run aftern school hours, hoping that numerous students will be able to participate in team sports, clubs, tutoring sessions-  This cost is based on being able to find a driver that could have extra portion added to their position( didn’t need to include bus insurance, maintance factor -as adding to exisiting run) </t>
  </si>
  <si>
    <t xml:space="preserve">Prophet River </t>
  </si>
  <si>
    <t xml:space="preserve">Xeni Gwet'in </t>
  </si>
  <si>
    <t>SD27 Provides bus services for students to Naghtaneqed Elem./Jr. Sec. School. Cost included in Base Service cost.</t>
  </si>
  <si>
    <t>Bus transportation from Nemiah Valley to Williams Lake on Sundays and return on Fridays for students boarding in Williams Lake.  Cost included in Base Service Cost.</t>
  </si>
  <si>
    <t xml:space="preserve"> New Route- Bus Transportation from Nemiah Valley to Lee’s Corner on Sundays and return on Fridays for students boarding in Williams Lake-Shared with Yunesitin (80% of 32197.2) </t>
  </si>
  <si>
    <t>Extra curricular FTE x 140</t>
  </si>
  <si>
    <t xml:space="preserve">West Moberly </t>
  </si>
  <si>
    <t xml:space="preserve">Yuneŝit’in </t>
  </si>
  <si>
    <t>SD27 daily bus services from Yunesit'in Govt. to Alexis Creek.  Cost included in the Cost of Base Service.</t>
  </si>
  <si>
    <t>SD27 bus transport from Yunesit'in Govt. to Williams Lake on Sundays and Fridays for students Boarding in Williams Lake.</t>
  </si>
  <si>
    <t>Looking to add additional bus run from Lee̓s Corner to Nemiah Valley (if bus and driver available) saving families from driving to Lees corner for pickup (20% to Yunesitin and 80% to Xeni) 20% 0f 32197.2</t>
  </si>
  <si>
    <t xml:space="preserve">Halfway River </t>
  </si>
  <si>
    <t xml:space="preserve">Blueberry River </t>
  </si>
  <si>
    <t xml:space="preserve">?Esdilagh </t>
  </si>
  <si>
    <t>New Joint Plan</t>
  </si>
  <si>
    <t xml:space="preserve">Doig River </t>
  </si>
  <si>
    <t>Bus 17</t>
  </si>
  <si>
    <t>Bus service from the reserve to the school is operated by the district and funded via the operating grant.</t>
  </si>
  <si>
    <t>Bus service from reserve to school is operated by the Board via an express bus funded by BCTEA</t>
  </si>
  <si>
    <t xml:space="preserve">Tsleil-Waututh </t>
  </si>
  <si>
    <t xml:space="preserve">Lhoosk'uz Dené </t>
  </si>
  <si>
    <t xml:space="preserve">xʷməθkʷəy̓əm (Musqueam) </t>
  </si>
  <si>
    <t xml:space="preserve">Lhtako Dene </t>
  </si>
  <si>
    <t>Bus 43</t>
  </si>
  <si>
    <t>Bus service from the reserve to school is operated by the district and funded via the operating grant.</t>
  </si>
  <si>
    <t xml:space="preserve">Xwémalhkwu (Homalco) </t>
  </si>
  <si>
    <t xml:space="preserve">Nazko </t>
  </si>
  <si>
    <t>Bus 14</t>
  </si>
  <si>
    <t>Bus services to school is operated by the district and paid via operating grant dollars. This includes many stops and potential transfers for students from Nazko.</t>
  </si>
  <si>
    <t>Bus service to Nazko Elementary is operated by the Board and paid via operating grant dollars.</t>
  </si>
  <si>
    <t>Bus service from reserve to school is operated by the Board via an expressed bus funded by BCTEA</t>
  </si>
  <si>
    <t xml:space="preserve">Klahoose </t>
  </si>
  <si>
    <t xml:space="preserve">Sḵwx̱wú7mesh Úxwumixw (Squamish) </t>
  </si>
  <si>
    <t xml:space="preserve">Cheam </t>
  </si>
  <si>
    <t>No original bus route before BCTEA</t>
  </si>
  <si>
    <t>District currently transports students</t>
  </si>
  <si>
    <t>No bus provided</t>
  </si>
  <si>
    <t>Extra established bus route</t>
  </si>
  <si>
    <t>Maintain District Transportation</t>
  </si>
  <si>
    <t xml:space="preserve">Sq’éwqel (Seabird Island Band) </t>
  </si>
  <si>
    <t xml:space="preserve">Shxwhá:y Village </t>
  </si>
  <si>
    <t xml:space="preserve">Shxw’ōwhámél </t>
  </si>
  <si>
    <t xml:space="preserve">N'Quatqua </t>
  </si>
  <si>
    <t xml:space="preserve">Sqwá </t>
  </si>
  <si>
    <t>Walk</t>
  </si>
  <si>
    <t xml:space="preserve">Líl̓wat </t>
  </si>
  <si>
    <t xml:space="preserve">Soowahlie </t>
  </si>
  <si>
    <t xml:space="preserve">Squiala </t>
  </si>
  <si>
    <t>District curently transports students</t>
  </si>
  <si>
    <t xml:space="preserve">Sts'ailes </t>
  </si>
  <si>
    <t>Parent</t>
  </si>
  <si>
    <t>Parent transports to school</t>
  </si>
  <si>
    <t>Continued Arrangement</t>
  </si>
  <si>
    <t>District Established bus route</t>
  </si>
  <si>
    <t>Bussing for school of choice</t>
  </si>
  <si>
    <t xml:space="preserve">kʷikʷəƛ̓əm (Kwikwetlem) </t>
  </si>
  <si>
    <t>Ch’íyáqtel (Tzeachten)</t>
  </si>
  <si>
    <t>Bussing for School of Choice</t>
  </si>
  <si>
    <t xml:space="preserve">Katzie </t>
  </si>
  <si>
    <t xml:space="preserve">Kwantlen </t>
  </si>
  <si>
    <t>school bus</t>
  </si>
  <si>
    <t>to and from Matsqui First Nation to school paid by the board</t>
  </si>
  <si>
    <t xml:space="preserve">Samahquam </t>
  </si>
  <si>
    <t xml:space="preserve">Semá:th (Sumas) </t>
  </si>
  <si>
    <t>special needs bus</t>
  </si>
  <si>
    <t>to and from Sumas First Nation paid by the board</t>
  </si>
  <si>
    <t>to and from home and Abby Sr of student living in care</t>
  </si>
  <si>
    <t xml:space="preserve">Sq’éwlets  </t>
  </si>
  <si>
    <t>District Bus</t>
  </si>
  <si>
    <t>Parental Allowance</t>
  </si>
  <si>
    <t>District Bussing with Shortest Ride Possible</t>
  </si>
  <si>
    <t>Parental Transportation with No Funding</t>
  </si>
  <si>
    <t>None</t>
  </si>
  <si>
    <t>Parental Allowance @ $0.32/km</t>
  </si>
  <si>
    <t>Parent Transportation</t>
  </si>
  <si>
    <t>Walking or Parent Transportation</t>
  </si>
  <si>
    <t>District bussing that had long bus rides and additional walking distances to stops</t>
  </si>
  <si>
    <t>Kwantlen First Nation will provide the bus and driver, while the district will cover costs of Kwantlen Bus Driver, fuel, bus insurance, mainentance, etc for 5 hours per day through BCTEA funding</t>
  </si>
  <si>
    <t>Kwantlen First Nation will provide the bus and driver, while the district will cover costs of Kwantlen Bus Driver, fuel, bus insurance, maintenance, etc for 5 hours per day through BCTEA Funding</t>
  </si>
  <si>
    <t xml:space="preserve">Semiahmoo </t>
  </si>
  <si>
    <t>Bus service from Semiahmoo First Nation to White Rock Elementary.</t>
  </si>
  <si>
    <t>Bus service from Semiahmoo First Nation to Earl Marriot Secondary</t>
  </si>
  <si>
    <t>Bus will be cost shared with other students to help reduce the finacial burden.  55% BCTEA and 45% other students</t>
  </si>
  <si>
    <t>1.8kms</t>
  </si>
  <si>
    <t>1.5 kms -      14.2 kms</t>
  </si>
  <si>
    <t>bus</t>
  </si>
  <si>
    <t>bus pass</t>
  </si>
  <si>
    <t>First Nation students who are in special education programming that require bus service receive it from the district</t>
  </si>
  <si>
    <t>bus passes are not provided to students</t>
  </si>
  <si>
    <t>Bus service from Musqueam Indian Band to and from Southlands elementary school</t>
  </si>
  <si>
    <t>Bus passes to be provided to secondary school students ($59.95)(10 months) = $599.50(58)= Total</t>
  </si>
  <si>
    <t xml:space="preserve">Tsartlip </t>
  </si>
  <si>
    <t xml:space="preserve">Leq’á:mel </t>
  </si>
  <si>
    <t xml:space="preserve">Chawathil </t>
  </si>
  <si>
    <t>Student transportation provided by Katzie First Nation using the bus purchased in 2020 under BCTEA for this purpose.  Student transportation to/from KFN to/from SD 42 schools is to be provided by KFN for the period Sep 1, 2020 to Jul 1, 2030 (10 year agreement signed Jul 2020).  Base costs reflect the capital cost of the bus amortized over the 10 year contract period.</t>
  </si>
  <si>
    <t>To further the transportation support provided by Katzie First Nation we are requesting that funding be provided to cover the annual operating costs for the bus purchased in 2020.</t>
  </si>
  <si>
    <t>KFN Bus VAN</t>
  </si>
  <si>
    <t>KFN SUV</t>
  </si>
  <si>
    <t xml:space="preserve">Bus service to Cape Horn Elementary is operated by the  Kwikwetlem First Nation. The van used for the sole purpose to drive students attending Cape Horn. Driver has to make two trips as the maximum capacity is only 7. One student is dropped earlier to attend breakfast club   </t>
  </si>
  <si>
    <t>Bus service to Centennial Secondary  is operated by the  Kwikwetlem First Nation.</t>
  </si>
  <si>
    <t>Bus service to Como Lake Middle School  is operated by the  Kwikwetlem First Nation.</t>
  </si>
  <si>
    <t>Bus service to Suwa'lkh School  is operated by the  Kwikwetlem First Nation.</t>
  </si>
  <si>
    <t>Bus service to Montgoemery Middle School is operated by the  Kwikwetlem First Nation</t>
  </si>
  <si>
    <t>SD43 pays for bus service to public schools operated by Kwikwetlum First Nation</t>
  </si>
  <si>
    <t>more than 4.5</t>
  </si>
  <si>
    <t>more than 5</t>
  </si>
  <si>
    <t>less than 2</t>
  </si>
  <si>
    <t>more than 3</t>
  </si>
  <si>
    <t>more than 1.6</t>
  </si>
  <si>
    <t>Bus Pass</t>
  </si>
  <si>
    <t>Walking</t>
  </si>
  <si>
    <t>Transportation assistance</t>
  </si>
  <si>
    <t>First Nation students at Carson travel to school by BC Public Transit. Bus fares are paid by students/parents</t>
  </si>
  <si>
    <t>First Nation students at Mountainside travel to school by BC Public Transit. Bus fares are paid by students/parents</t>
  </si>
  <si>
    <t>Some First Nations living on reserve attending school from. Walk about 1 kilometer to school.</t>
  </si>
  <si>
    <t>First Nation students at Sutherland travel to school by BC Public Transit. Bus fares are paid by students/parents</t>
  </si>
  <si>
    <t>First Nation experiences excessive and/or unsafe walking distances to school, or bus stops along busy roads and exposure to wildlife, and adverse weather conditions</t>
  </si>
  <si>
    <t>Board should pay the fares for First Nation students travelling to public school by BC Public Transit, and if necessary a safety/supervisor resource</t>
  </si>
  <si>
    <t>First Nation requesting Board provide walking school bus or school crossing guards on busy road crossings to improve student safety</t>
  </si>
  <si>
    <t xml:space="preserve">Shxw'ōwhámél </t>
  </si>
  <si>
    <t>First Nation students at Windsor travel to school by BC Public Transit. Bus fares are paid by students/parents</t>
  </si>
  <si>
    <t>Bus Service from reserve to School is operated by the First Nation</t>
  </si>
  <si>
    <t>Board should pay the fares for First Nations students travelling to public school by BC Public Transit, and if necessary a safety/supervisor resource</t>
  </si>
  <si>
    <t>Board pays for bus service to public schools operated by First Nation</t>
  </si>
  <si>
    <t>4 kms</t>
  </si>
  <si>
    <t>5 kms</t>
  </si>
  <si>
    <t>3 kms</t>
  </si>
  <si>
    <t xml:space="preserve">Parent Transport </t>
  </si>
  <si>
    <t>Compass Card
$57.30 per month for 10 months = $573 per year
8 students x $573 = $4584.00</t>
  </si>
  <si>
    <t>Compass Card
$57.30 per month for 10 months = $573 per year
5 students x $573 = $2865</t>
  </si>
  <si>
    <t>Travel Allowance 
3 km x 2 (to and from) = 6 km x 180 days in session =1080 km
1080 km x $0.68 (CRA rate) = $734.40 per year
12 families x $734.40 = $8,812.80</t>
  </si>
  <si>
    <t>WVS paid for the above Travel Allowance for 2022-2023 school year out of operations. Please read our WVS Squamish Nation Joint Transport Plan request for special consideration for parental travel allowance.</t>
  </si>
  <si>
    <t>Travel Allowance
3 km x 2 (to and from) = 6 km x 180 days in session =1080 km
1080 km x $0.68 (CRA rate) = $734.40 per year
12 families x $734.40 = $8,812.80</t>
  </si>
  <si>
    <t>We are asking for this to be funded for 2023-2024</t>
  </si>
  <si>
    <t xml:space="preserve">Yale </t>
  </si>
  <si>
    <t xml:space="preserve">Xwísten (Bridge River Indian Band) </t>
  </si>
  <si>
    <t>Provided by District</t>
  </si>
  <si>
    <t>Late Bus</t>
  </si>
  <si>
    <t xml:space="preserve">Sekw'el'was (Cayoose Creek) </t>
  </si>
  <si>
    <t xml:space="preserve">Xaxli'p </t>
  </si>
  <si>
    <t>Provided by district</t>
  </si>
  <si>
    <t>Late bus for Indigenous Leadership once per week. Route optimization to accommodate Indigenous students living on reserve.</t>
  </si>
  <si>
    <t>Route optimization to accommodate Indigenous students living on reserve.</t>
  </si>
  <si>
    <t xml:space="preserve">T'it'q'et </t>
  </si>
  <si>
    <t xml:space="preserve">Ts'kw'aylaxw </t>
  </si>
  <si>
    <t xml:space="preserve">Tsal’alh </t>
  </si>
  <si>
    <t xml:space="preserve">Osoyoos </t>
  </si>
  <si>
    <t xml:space="preserve">SnPink’tn (Penticton) </t>
  </si>
  <si>
    <t xml:space="preserve">Old Massett </t>
  </si>
  <si>
    <t>Taxi/Other</t>
  </si>
  <si>
    <t>Board pays for bussing to/from public school located in Village of Masset</t>
  </si>
  <si>
    <t>Board pays for extra curricular transportation to/from Old Massett Reserve</t>
  </si>
  <si>
    <t xml:space="preserve">Lower Similkameen </t>
  </si>
  <si>
    <t xml:space="preserve">Skidegate </t>
  </si>
  <si>
    <t>Taxi/other</t>
  </si>
  <si>
    <t>Board pays for bussing to/from public school located on Skidegate reserve</t>
  </si>
  <si>
    <t>Board pays for bussing to/from public school located in Daajing Giids</t>
  </si>
  <si>
    <t>Board pays for extra curricular transportation to/from Skidegate Reserve</t>
  </si>
  <si>
    <t xml:space="preserve">Upper Similkameen </t>
  </si>
  <si>
    <t xml:space="preserve">Metlakatla </t>
  </si>
  <si>
    <t>Ferry</t>
  </si>
  <si>
    <t xml:space="preserve">Bus </t>
  </si>
  <si>
    <t>Ferry/Bus</t>
  </si>
  <si>
    <t xml:space="preserve">Splatsin </t>
  </si>
  <si>
    <t>Dolphin, Horse, Buses</t>
  </si>
  <si>
    <t>Dolphin, Horse,  Buses</t>
  </si>
  <si>
    <t>Two buses are used to serve LSIB students. Dolphin bus to Ashnola, Horse bus to Chopaka . Total daily ride times are  56 minutes to Ashnola and 2 hours and 11 minutes for Chopaka</t>
  </si>
  <si>
    <t>see narrative above</t>
  </si>
  <si>
    <t>Wolf Bus</t>
  </si>
  <si>
    <t>The district has been providing a bus solely to service OIB students even though the three schools in Oliver aer within walk limits</t>
  </si>
  <si>
    <t>BCTEA has funded this bus in the past three years</t>
  </si>
  <si>
    <t xml:space="preserve">The district is hopeful that funding for SY 2023-24 school year will continue </t>
  </si>
  <si>
    <t>Elephant Bus</t>
  </si>
  <si>
    <t>One bus serves USIB students. The 'Elephant Bus' transports 6 CPS and 11 SESS students from Hedley. Bus rides are between 42 minutes and 1 hour 17 minutes</t>
  </si>
  <si>
    <t>see narative above</t>
  </si>
  <si>
    <t xml:space="preserve">Iskut </t>
  </si>
  <si>
    <t xml:space="preserve">Lake Babine </t>
  </si>
  <si>
    <t xml:space="preserve">Tahltan </t>
  </si>
  <si>
    <t>Busing transportation Services provided by SD54 result in long bus rides, early pick ups,  students having to walk significant distances, and over crowding in buses.</t>
  </si>
  <si>
    <t>Board pays for two extra buses for general transportation, including a special hydraulic bus to accommodate student with wheelchair accessibiliy requirements. As necessary, Board will also pay for additional support service person to support students on the bus (behaviour, organization, emotional support.)</t>
  </si>
  <si>
    <t xml:space="preserve">Lheidli T'enneh </t>
  </si>
  <si>
    <t>Bus extension</t>
  </si>
  <si>
    <t>Custom Bus</t>
  </si>
  <si>
    <t>No service</t>
  </si>
  <si>
    <t>Bus service from reserve to/from the school is operated by the school district</t>
  </si>
  <si>
    <t>Base service would be a transportation mileage allowance paid to the parents as bussing would require a custom bus route extension with one rider at an unreasonable cost to the district</t>
  </si>
  <si>
    <t>Extend/reroute existing route to incorporate a stop at Duchess Park Secondary</t>
  </si>
  <si>
    <t xml:space="preserve">Custom Bus route extension, additional 60 minutes per day ($103.09/hour/day plus fuel surcharge = day rate of $104.14 x 180 days, plus GST less GST rebate) </t>
  </si>
  <si>
    <t>Provide a transporation allowance to the family for to and from school at $25/day (90 instructional days - shared custody arrangement)</t>
  </si>
  <si>
    <t xml:space="preserve">McLeod Lake </t>
  </si>
  <si>
    <t>bus service from reserve to 500 Skeena Drive return, operated by school district</t>
  </si>
  <si>
    <t>bus service from reserve to 310 Nechako Drive return, operated by school district</t>
  </si>
  <si>
    <t>included in cost above</t>
  </si>
  <si>
    <t>Request approved in prior year for an Express Bus dedicated to transport students directly to/from the reserve to allow students to have less time away from home</t>
  </si>
  <si>
    <t>n/a</t>
  </si>
  <si>
    <t>no service provided by SD57 or the Nation outside of the proviison of transportation provided as part of this agreement</t>
  </si>
  <si>
    <t>request is for city transit bus passes to get students to and from school as well as provide the ability to particpate in extra curricular activities</t>
  </si>
  <si>
    <t xml:space="preserve">Yekooche </t>
  </si>
  <si>
    <t xml:space="preserve">Nadleh Whut'en </t>
  </si>
  <si>
    <t xml:space="preserve">C’eletkwmx (Coldwater) </t>
  </si>
  <si>
    <t>To/From School, Transportation assistance, extra curricular bus</t>
  </si>
  <si>
    <t>Bus monitor/supervision as needed</t>
  </si>
  <si>
    <t xml:space="preserve">Stellat'en </t>
  </si>
  <si>
    <t xml:space="preserve">COOK'S FERRY </t>
  </si>
  <si>
    <t xml:space="preserve">Nak’azdli Whut’en </t>
  </si>
  <si>
    <t xml:space="preserve">Nłeʔkepmxc (Lower Nicola) </t>
  </si>
  <si>
    <t xml:space="preserve">Saik'uz </t>
  </si>
  <si>
    <t xml:space="preserve">Nooaitch </t>
  </si>
  <si>
    <t>Transportation Assistance</t>
  </si>
  <si>
    <t xml:space="preserve">Scw'exmx (Shackan) </t>
  </si>
  <si>
    <t xml:space="preserve">Upper Nicola </t>
  </si>
  <si>
    <t xml:space="preserve">Tl'azt'en </t>
  </si>
  <si>
    <t>Route #21</t>
  </si>
  <si>
    <t>Route #52</t>
  </si>
  <si>
    <t>Route #39</t>
  </si>
  <si>
    <t>Board Operated bus service to 4 public schools in Chetwynd.</t>
  </si>
  <si>
    <t>Board operates bus service to Moberly Lake Elementary (Rt 39 shared with 2 First Nations, cost split based on proportion of ridership numbers).</t>
  </si>
  <si>
    <t>Route #54</t>
  </si>
  <si>
    <t xml:space="preserve">Ts’il Kaz Koh (Burns Lake) </t>
  </si>
  <si>
    <t>Bus Elementary/Secondary students to school</t>
  </si>
  <si>
    <t>Bus Passes for Boarding Students</t>
  </si>
  <si>
    <t xml:space="preserve">Cheslatta Carrier </t>
  </si>
  <si>
    <t>Bus Elementary Students to School</t>
  </si>
  <si>
    <t>Bus Secondary Students to School</t>
  </si>
  <si>
    <t xml:space="preserve">Wei Wai Kum (Campbell River) </t>
  </si>
  <si>
    <t>Van</t>
  </si>
  <si>
    <t>Van provided by HRFN</t>
  </si>
  <si>
    <t>Bus Pass for Boarding Students</t>
  </si>
  <si>
    <t>Drive Boarding Students to and from town</t>
  </si>
  <si>
    <t>Bus Elementary students to school</t>
  </si>
  <si>
    <t>Bus passes for Boarding Students</t>
  </si>
  <si>
    <t xml:space="preserve">Quw’utsun (Cowichan) </t>
  </si>
  <si>
    <t xml:space="preserve">We Wai Kai (Cape Mudge) </t>
  </si>
  <si>
    <t xml:space="preserve">Xwsepsum (Kosapsum) Esquimalt </t>
  </si>
  <si>
    <t>1.5km</t>
  </si>
  <si>
    <t>1.3km</t>
  </si>
  <si>
    <t>2.8km</t>
  </si>
  <si>
    <t>3km</t>
  </si>
  <si>
    <t>3.8km</t>
  </si>
  <si>
    <t>Bus (Private)</t>
  </si>
  <si>
    <t>Bus (Public)</t>
  </si>
  <si>
    <t xml:space="preserve">Bus Service from reserve to Craigflower Elementary  is operated by Esquimalt Nation. Bus service is necessary due to consistent safety concerns on the route (multiple commercial entry/exit points, have to cross 4 roads, including one extremely busy intersection with excessive traffic and small 'islands' that students must get to in order to activate the crosswalk button).  </t>
  </si>
  <si>
    <t xml:space="preserve">Bus Service from reserve to Shoreline Middle School is operated by Esquimalt Nation. Bus service is necessary due to consistent safety concerns on the route (multiple commercial entry/exit points, have to cross 4 roads, including one extremely busy intersection with excessive traffic and small 'islands' that students must get to in order to activate the crosswalk button).  </t>
  </si>
  <si>
    <t xml:space="preserve">Bus Service from reserve to View Royal Elementary  is operated by Esquimalt Nation. Bus service is necessary due to consistent safety concerns on the route (multiple commercial entry/exit points, have to cross 4 roads, including one extremely busy intersection with excessive traffic and small 'islands' that students must get to in order to activate the crosswalk button).  </t>
  </si>
  <si>
    <t>Board provides an annual BC Transit UPass for high school students, which enables them to take public transit to school at no cost to the student/family</t>
  </si>
  <si>
    <t>Board covers the costs associated with the morning bus service. This includes insurance, gas, maintenance, driver, etc. directly related to to/from school (no extracurricular costs included).</t>
  </si>
  <si>
    <t>Board to cover cost in 2023/24</t>
  </si>
  <si>
    <t xml:space="preserve">K’ómoks </t>
  </si>
  <si>
    <t xml:space="preserve">Penelakut </t>
  </si>
  <si>
    <t xml:space="preserve">Kwikwasut’inuxw Haxwa’mis </t>
  </si>
  <si>
    <t xml:space="preserve">Songhees </t>
  </si>
  <si>
    <t>Upass Bus Pass</t>
  </si>
  <si>
    <t>SD61 Bus Route</t>
  </si>
  <si>
    <t>BC Transit UPasses</t>
  </si>
  <si>
    <t>Parents drove students</t>
  </si>
  <si>
    <t>No Change</t>
  </si>
  <si>
    <t xml:space="preserve">Bus Route due to high traffic and limited parking space. </t>
  </si>
  <si>
    <t xml:space="preserve">Bus Route due to high traffic and limited parking space.  </t>
  </si>
  <si>
    <t xml:space="preserve">Kwakiutl </t>
  </si>
  <si>
    <t>Mowachaht/Muchalaht</t>
  </si>
  <si>
    <t xml:space="preserve">Sc'ianew (Beecher Bay) </t>
  </si>
  <si>
    <t>SCHOOL BUS RUN</t>
  </si>
  <si>
    <t>BOARD PROVIDES BUS</t>
  </si>
  <si>
    <t>BC TRANSIT PASS</t>
  </si>
  <si>
    <t xml:space="preserve">ʼNa̱mǥis </t>
  </si>
  <si>
    <t xml:space="preserve">Dzawada̱ʼenux̱w </t>
  </si>
  <si>
    <t xml:space="preserve">Quatsino </t>
  </si>
  <si>
    <t xml:space="preserve">Pacheedaht </t>
  </si>
  <si>
    <t>N/A</t>
  </si>
  <si>
    <t>BCTEA</t>
  </si>
  <si>
    <t>$0 </t>
  </si>
  <si>
    <t>ROLL-OVER PLAN &amp; Increase amount due to Cost of Living/Inflationary Rises</t>
  </si>
  <si>
    <t xml:space="preserve">T'Sou-ke  </t>
  </si>
  <si>
    <t>BUS</t>
  </si>
  <si>
    <t>BUS TO/FROM SCHOOL</t>
  </si>
  <si>
    <t>NO TRANSPORTATION REQUIRED</t>
  </si>
  <si>
    <t>NO TRANSPORTATION AVAILABLE</t>
  </si>
  <si>
    <t>MONTHLY YOUTH BUS PASSES</t>
  </si>
  <si>
    <t xml:space="preserve">DZAWADA'ENUXW </t>
  </si>
  <si>
    <t>Ka:'yu:'k't'h'/Che:k'tles7et'h'</t>
  </si>
  <si>
    <t>not provided due to walk limit</t>
  </si>
  <si>
    <t>within walk limit</t>
  </si>
  <si>
    <t>ALT ED</t>
  </si>
  <si>
    <t>out of catchement</t>
  </si>
  <si>
    <t xml:space="preserve">Stz’uminus </t>
  </si>
  <si>
    <t>SD63 ALREADY PROVIDES</t>
  </si>
  <si>
    <t xml:space="preserve">OUT OF CATCHMENT </t>
  </si>
  <si>
    <t>SD63 already provides</t>
  </si>
  <si>
    <t>BOḰEĆEN (Pauquachin)</t>
  </si>
  <si>
    <t>created to reduce travel time</t>
  </si>
  <si>
    <t>Bus service is a combination of Guardian, school bus and public transit</t>
  </si>
  <si>
    <t>Bus service offered at 7:30am from Upper and Lower Reserve</t>
  </si>
  <si>
    <t>SD67 adds a designated run for all PIB students</t>
  </si>
  <si>
    <t xml:space="preserve">Tk’emlúps te Secwe̓pemc </t>
  </si>
  <si>
    <t xml:space="preserve">Ts'uubaa-asatx (Lake Cowichan) </t>
  </si>
  <si>
    <t xml:space="preserve">Snaw-Naw-As (Nanoose) </t>
  </si>
  <si>
    <t>Transportation provided from reserve to Dover Bay Seocndary</t>
  </si>
  <si>
    <t>Transportation provided from reserve to Seaview Elementary</t>
  </si>
  <si>
    <t>Transportation provided from reserve to Woodlands Secondary for Alternate program</t>
  </si>
  <si>
    <t xml:space="preserve">Snuneymuxw </t>
  </si>
  <si>
    <t>Transportation provided from reserve to Qwam Qwum</t>
  </si>
  <si>
    <t>Transportation provided from reserve to Cedar Secondary</t>
  </si>
  <si>
    <t>Transportation provided from reserve to Cedar Elementary</t>
  </si>
  <si>
    <t xml:space="preserve">Halalt </t>
  </si>
  <si>
    <t>Transportation provided from reserve toLadysmith Primary</t>
  </si>
  <si>
    <t>Transportation provided from reserve to Ladysmith Intermediate</t>
  </si>
  <si>
    <t>Transportation provided from reserve to Ecole North Oyster</t>
  </si>
  <si>
    <t xml:space="preserve">Malahat </t>
  </si>
  <si>
    <t>Transportation services provided by Board D result in long bus ride times for students, early pick-up times for students, late arrival at school, crowding and/or inadequate access to extracurricular activities</t>
  </si>
  <si>
    <t>Board D to work with First Nations D to implement the shortest ride possible to school, appropriate pick-up times to ensure students arrive on-time, safe travel conditions and access to transportation for</t>
  </si>
  <si>
    <t xml:space="preserve">Qualicum </t>
  </si>
  <si>
    <t>Board D to work with First Nations D to implement the shortest ride possible to school, appropriate pick-up timies to ensure students arrive on-time, safe travek conditions and access to transportation for</t>
  </si>
  <si>
    <t xml:space="preserve">Nuu-chah-nulth Tribal Council </t>
  </si>
  <si>
    <t>tukʷaaʔatḥ (Toquaht)</t>
  </si>
  <si>
    <t>210 for NUU-CHAH-NULTH Tribal Council</t>
  </si>
  <si>
    <t>Parent Driving</t>
  </si>
  <si>
    <t>Parent has always provided transportation for student.</t>
  </si>
  <si>
    <t>The district is exploring transportation assistance.</t>
  </si>
  <si>
    <t>c̓išaaʔatḥ (Tseshaht)</t>
  </si>
  <si>
    <t>SD 70 provides regualr school bus service.</t>
  </si>
  <si>
    <t>none</t>
  </si>
  <si>
    <t>Tseshaht provides transportation from after school home work club and additional learning  support from 3 p.m. to 4:15 pm  2x's per week.  Rides home are not provided by SD #70 and are integral to student learning and graduation.</t>
  </si>
  <si>
    <t>Tseshaht to provide bus service for students attending Eight Avenue - no bus service provided by SD70 for this location due to irregular start/end times for the alternative school</t>
  </si>
  <si>
    <t>Hupačasath (Hupacasath)</t>
  </si>
  <si>
    <t xml:space="preserve">Students are transported on a bus operated by Hupacasath to and from various schools within Port Alberni. </t>
  </si>
  <si>
    <t>Bus service to WES provided by SD70</t>
  </si>
  <si>
    <t>Water Taxi provided by TFN from Opitsaht to Tofino, including safety person dockside</t>
  </si>
  <si>
    <t>Bus Service to USS provided by SD70</t>
  </si>
  <si>
    <t>Water Taxi service provided by TFN from Opitsaht to Tofino including safety person dockside.</t>
  </si>
  <si>
    <t>Opitsaht to Tofino including safety person dockside.</t>
  </si>
  <si>
    <t>Late bus on Tuesday to support extracurricular activities</t>
  </si>
  <si>
    <t>Water Taxi provided by TFN from Opitsaht to Tofino, taken by parent</t>
  </si>
  <si>
    <t>Removed from LEA.  Rate to be determined upon negotation with First Nation.</t>
  </si>
  <si>
    <t>Rate reflects 2 hours of dockside supervision provided by SD employee at bargained rates and additional docksuide support provided by the First Nation.</t>
  </si>
  <si>
    <t>Additional water taxi costs for one student with diagnosed complex challenges, parent accompaniment required</t>
  </si>
  <si>
    <t>contracted school district bus and public transit bus passes as requested</t>
  </si>
  <si>
    <t>one 36 passenger school bus contracted through</t>
  </si>
  <si>
    <t>one 36 passenger school bus contracted through First Student Canada</t>
  </si>
  <si>
    <t>one 36 passenger school bus contracted through current contractor First Student Canada</t>
  </si>
  <si>
    <t>Band provided</t>
  </si>
  <si>
    <t>District provided bussing</t>
  </si>
  <si>
    <t>District provides bussing to the ferry and back. District provides bussing to school and back</t>
  </si>
  <si>
    <t xml:space="preserve">Adams Lake </t>
  </si>
  <si>
    <t>Provided by Adams Lake Indian Band</t>
  </si>
  <si>
    <t>Provided by Adams Lake Band Pick up and Drop Off</t>
  </si>
  <si>
    <t>Additional Repairs and Maintenance for the Bus provided by the Band due to the extreme road conditions and lack of road maintenance</t>
  </si>
  <si>
    <t xml:space="preserve">Little Shuswap Lake </t>
  </si>
  <si>
    <t xml:space="preserve">Neskonlith </t>
  </si>
  <si>
    <t>First Nations Students Living on Reserve</t>
  </si>
  <si>
    <t>Extension od SD73 Bus Route</t>
  </si>
  <si>
    <t>Board to work with First Nation to support students</t>
  </si>
  <si>
    <t>Parents provide transporation</t>
  </si>
  <si>
    <t>Extension of the current Bus Route</t>
  </si>
  <si>
    <t xml:space="preserve">Simpcw </t>
  </si>
  <si>
    <t>Parents</t>
  </si>
  <si>
    <t>First Nations students living on reserve</t>
  </si>
  <si>
    <t xml:space="preserve">Skeetchestn </t>
  </si>
  <si>
    <t xml:space="preserve">Whispering Pines / Clinton </t>
  </si>
  <si>
    <t xml:space="preserve">Ashcroft </t>
  </si>
  <si>
    <t xml:space="preserve">Haisla </t>
  </si>
  <si>
    <t xml:space="preserve">St’uxwtéws (Bonaparte) </t>
  </si>
  <si>
    <t>Bus Service from Bonaparte reserve to Desert Sands Community School is operated by the School District No. 74</t>
  </si>
  <si>
    <t>Bus Service from Bonaparte reserve to Cache Creek Elementary  School is operated by the School District No. 74</t>
  </si>
  <si>
    <t xml:space="preserve">Kitselas </t>
  </si>
  <si>
    <t xml:space="preserve">Boothroyd </t>
  </si>
  <si>
    <t xml:space="preserve">Kitsumkalum </t>
  </si>
  <si>
    <t xml:space="preserve">Cook's Ferry </t>
  </si>
  <si>
    <t>T'eqt''aqtn'mux (Kanaka Bar)</t>
  </si>
  <si>
    <t>Bus Service from Kanaka Bar reserve to Kumsheen ShchEma-meet School is operated by the School District No. 74</t>
  </si>
  <si>
    <t xml:space="preserve">Lytton </t>
  </si>
  <si>
    <t>Bus/Ferry</t>
  </si>
  <si>
    <t>Bus service provided by the Board to and from school</t>
  </si>
  <si>
    <t>Bus and ferry service provided by the Board to and from school</t>
  </si>
  <si>
    <t xml:space="preserve">Nicomen </t>
  </si>
  <si>
    <t>Bus Service from Nicomen reserve to Desert Sands Community School is operated by the School District No. 74</t>
  </si>
  <si>
    <t>Bus Service from Nicomen reserve to Kumsheen ShchEma-meet School is operated by the School District No. 74</t>
  </si>
  <si>
    <t xml:space="preserve">Oregon Jack Creek </t>
  </si>
  <si>
    <t xml:space="preserve">Siska </t>
  </si>
  <si>
    <t>Bus Service from T'it'q'et reserve to Cayoosh Elementary School is operated by the School District No. 74</t>
  </si>
  <si>
    <t>Bus Service from T'it'q'et reserve to George M. Murray School is operated by the School District No. 74</t>
  </si>
  <si>
    <t>Bus Service from T'it'q'et reserve to Lillooet Secondary School is operated by the School District No. 74</t>
  </si>
  <si>
    <t>Bus Service from Cook's Ferry reserve to Desert Sands Community School is operated by the School District No. 74</t>
  </si>
  <si>
    <t>Bus Service from Xaxl'ip reserve to Cayoosh Elementary School is operated by the School District No. 74</t>
  </si>
  <si>
    <t>Bus Service from Xaxl'ip reserve to George M. Murray School is operated by the School District No. 74</t>
  </si>
  <si>
    <t>Bus Service from Xaxl'ip reserve to Lillooet Secondary School is operated by the School District No. 74</t>
  </si>
  <si>
    <t>29715 Donatelli Ave, Mission, BC V4S 1H6</t>
  </si>
  <si>
    <t>Not applicable</t>
  </si>
  <si>
    <t>School bus transportation provided by School District 75  Board of Education</t>
  </si>
  <si>
    <t>School bus transportation provided by School District 75 Board of Education</t>
  </si>
  <si>
    <t>not applicable</t>
  </si>
  <si>
    <t>Bus Service to BBESS is operated by the district</t>
  </si>
  <si>
    <t>Bus Monitor</t>
  </si>
  <si>
    <t xml:space="preserve">Boston Bar </t>
  </si>
  <si>
    <t>Bus Service to HSS is operated by the district</t>
  </si>
  <si>
    <t>Bus Service to TREC is operated by the district</t>
  </si>
  <si>
    <t>Bus Service to SCE is operated by the district</t>
  </si>
  <si>
    <t>Bus Service to CES is operated by the district</t>
  </si>
  <si>
    <t>Bus Service to AESS is operated by the District</t>
  </si>
  <si>
    <t>Bus Service to KES is operated by the District</t>
  </si>
  <si>
    <t>Bus Service to ACE is operated by the District</t>
  </si>
  <si>
    <t>Extra-curricular transporation</t>
  </si>
  <si>
    <t>Bus Service to HSS is operated by the District</t>
  </si>
  <si>
    <t>Bus Service to TREC is operated by the District</t>
  </si>
  <si>
    <t>Bus Service to SCES is operated by the District</t>
  </si>
  <si>
    <t>Bus Service to CES is operated by the District</t>
  </si>
  <si>
    <t xml:space="preserve">Spuzzum </t>
  </si>
  <si>
    <t>Bus Service to TREC operated by the District</t>
  </si>
  <si>
    <t>Bus Service to HSS operated by the District</t>
  </si>
  <si>
    <t>Bus Service to CES operated by the District</t>
  </si>
  <si>
    <t>Bus Service to SCES operated by the District</t>
  </si>
  <si>
    <t>Bus Service to AES operated by district</t>
  </si>
  <si>
    <t>Operated by district</t>
  </si>
  <si>
    <t>Bus Service operated by the District</t>
  </si>
  <si>
    <t>Bus Service to HSS  operated by the District</t>
  </si>
  <si>
    <t>Bus Passes</t>
  </si>
  <si>
    <t>School district bus transportation was highway pick up and/or walking to a designated bus stop area not serviced 750m walk</t>
  </si>
  <si>
    <t>School district bus transportation does not service on-reserve pick up. There are central pickups for this shuttle. Estimated walk to pick up is 600m or 2.4kms as well as highway pick up</t>
  </si>
  <si>
    <t>Cowichan Tribes and Cowichan Valley School District have an agreement in place for these four schools</t>
  </si>
  <si>
    <t>School district provides bus passes</t>
  </si>
  <si>
    <t>School district does not service this urban school</t>
  </si>
  <si>
    <t>School district bus service does not include on-reserve pick up</t>
  </si>
  <si>
    <t>School district bus transportation does not service on-reserve pick up.</t>
  </si>
  <si>
    <t>Dedicated route for Cowichan Tribes students and operated by Cowichan Tribes to provide access to schools not currently services as well as provide shorter routes to schools of choice.</t>
  </si>
  <si>
    <t>Providing to and from First Nations on reserve pick ip and drop off to students home</t>
  </si>
  <si>
    <t>Malahat students rode a school district bus prior to JTP and were arriving at school earlier and arriving home later and the bus was overcrowded</t>
  </si>
  <si>
    <t>Dedicated route for Malahat students operated by an extra school district bus run for Malahat students to and from school to reduce wait times and over-crowding</t>
  </si>
  <si>
    <t>Dedicated route for Malahat students operated by an extra school district bus run for Malahat studetns to and from school to reduce wait time</t>
  </si>
  <si>
    <t>Bus monitor/assistant requested by Nation for George Bonner bus run maximum 2 hours</t>
  </si>
  <si>
    <t>Water Taxi</t>
  </si>
  <si>
    <t>Prior to the JTP Penelakut Island students rode BC Ferries and then a school district bus</t>
  </si>
  <si>
    <t>Penelakut Tribe has obtained their own water taxi and will transport students daily and then ride school district bus to and from school to Chemainus dock</t>
  </si>
  <si>
    <t>Prophet River First Nation paid for bussing in the past</t>
  </si>
  <si>
    <t>Transportation to and from Gitsegulka Village</t>
  </si>
  <si>
    <t>Transportation to and from Gitwangak Village</t>
  </si>
  <si>
    <t>Transportation to and from Hagwilget Village</t>
  </si>
  <si>
    <t>Transportation to and from Kitammat Village</t>
  </si>
  <si>
    <t>Transportation to and from Gitaus &amp; Kulspal</t>
  </si>
  <si>
    <t>Transportation to and from Kitsumkalum Village</t>
  </si>
  <si>
    <t>Transportation to and from Gitanyow Village</t>
  </si>
  <si>
    <t>Transportation to and from Sik-E-dakh Village</t>
  </si>
  <si>
    <t>transportation to and from Kispiox Village</t>
  </si>
  <si>
    <t>Transportation to and from Gitanmaax Village</t>
  </si>
  <si>
    <t>Bus/success van</t>
  </si>
  <si>
    <t>Bus/caregiver drives</t>
  </si>
  <si>
    <t>Transportation services provided by SD83 Board of Education</t>
  </si>
  <si>
    <t>Currently not registered to ride and caregiver is driving. Out of District 3 students</t>
  </si>
  <si>
    <t>Transportation Assistance or Success van. Bussing available by Sd83 if family requires. Success Van-Operated by SD83. Cost per year for one student $4,409/student. No safe Bus Stop. The Success Van provides door step/home pick up and drop off.</t>
  </si>
  <si>
    <t>Bus/Caregicer Drives</t>
  </si>
  <si>
    <t>Transportation services provided by SD83 Board of Education. Out of District 1 student.</t>
  </si>
  <si>
    <t>Transportation services provided by SD83 Board of Education. Out of District 1 student</t>
  </si>
  <si>
    <t>Bus/Walk</t>
  </si>
  <si>
    <t>Bus/Caregiver Drives</t>
  </si>
  <si>
    <t>Bus/Caregiver Drives/Walk</t>
  </si>
  <si>
    <t>bus/walk</t>
  </si>
  <si>
    <t>bus/caregiver drives/walk</t>
  </si>
  <si>
    <t>bus/success van</t>
  </si>
  <si>
    <t>Currently not registered to ride</t>
  </si>
  <si>
    <t>No Transportation at this time.</t>
  </si>
  <si>
    <t>Transportation Assistance $0.68 x 22KM x 2 (To school/From school) x 179 days of school</t>
  </si>
  <si>
    <t>Transportation Assistance or Success van. Bussing available by SD83 if family requires. Success Van- Operated by SD83. Cost per year for one student $4,409/student. No safe Bus Stop. The Success Van</t>
  </si>
  <si>
    <t>Bus/walk</t>
  </si>
  <si>
    <t>Transportation services provided by SD83 Board of Education. 17 Students currently not registered to take bus.</t>
  </si>
  <si>
    <t>Transportation services provided by SD83 Board of Education. 2 Students currently not registered to take bus.</t>
  </si>
  <si>
    <t>Transportation services provided by SD83 Board of Education. 1 Students currently not registered to take bus.</t>
  </si>
  <si>
    <t>Transportation services provided by SD83 Board of Education. 4 Students currently not registered to take bus.</t>
  </si>
  <si>
    <t>Transportation services provided by SD83 Board of Education. 1 Student currently not registered to take bus.</t>
  </si>
  <si>
    <t>Transportation Assistance for 3 students as they have no bus stop HWY 97A. 1 Student no bus stop on Jackpine Rd.</t>
  </si>
  <si>
    <t>Transportation Assistance for 2 students</t>
  </si>
  <si>
    <t>Transportation Assistance for 1 students/Other</t>
  </si>
  <si>
    <t>Transportation Assistance for 4 students/Other. No bus stop on Jackpine Rd for 2 students.</t>
  </si>
  <si>
    <t>Transportation Assistance for 1 students/other</t>
  </si>
  <si>
    <t>School Bus before and after school, plus a late bus for extracurricular and cultural activities up to three times per week</t>
  </si>
  <si>
    <t>School Bus before and after school</t>
  </si>
  <si>
    <t>walking</t>
  </si>
  <si>
    <t xml:space="preserve">Gwa’sala-’Nakwaxda’xw </t>
  </si>
  <si>
    <t>One bus and driver providing bus runs for all three schools listed.</t>
  </si>
  <si>
    <t>Within walk limits but requested by FN because of inclement weather year round, the risk from predatory animals (bears &amp; cougars) and to improve attendance</t>
  </si>
  <si>
    <t>Regular Bus Run</t>
  </si>
  <si>
    <t>Bus/Taxi</t>
  </si>
  <si>
    <t>Normally a bus is used but we are unable to find a driver. In interim, we are contracting a taxi service.</t>
  </si>
  <si>
    <t>Two separate bus runs and a ferry service contracted by BC Ferries</t>
  </si>
  <si>
    <t xml:space="preserve">WHE-LA-LA-U-ARE </t>
  </si>
  <si>
    <t xml:space="preserve">Baseline services - Tahltan $70K; Iskut $240K, Daylu Dena $64K </t>
  </si>
  <si>
    <t>Extension route? Alanna - please confirm</t>
  </si>
  <si>
    <t xml:space="preserve">Binche Whut’en </t>
  </si>
  <si>
    <t>To and From School</t>
  </si>
  <si>
    <t xml:space="preserve">Wetʼsuwetʼen </t>
  </si>
  <si>
    <t>None Currently</t>
  </si>
  <si>
    <t>7:30-9:30 includes pre trip and early run WKE to meet Decker Lake Elementary School bus by 8:25 and a second run for WKE and LDSS before 9:00.</t>
  </si>
  <si>
    <t>Bus would collect students on reserve, drop off at WKE to transfer students to DLES bus. Do a second run to pick up students to drop off at LDSS and WKE.</t>
  </si>
  <si>
    <t xml:space="preserve">Skin Tyee </t>
  </si>
  <si>
    <t>Transporation to and from school</t>
  </si>
  <si>
    <t>Transportation to and From</t>
  </si>
  <si>
    <t>Late Transportation- Hours of Employee plus Mileage</t>
  </si>
  <si>
    <t xml:space="preserve">Conseil Scolaire Francophone            </t>
  </si>
  <si>
    <r>
      <t xml:space="preserve">• Describe the current level of service provided by the Board and/or the First Nation to transport these First Nation Students to BC Public Schools. Outline any gaps in the transportation service levels as identified by the First Nation - </t>
    </r>
    <r>
      <rPr>
        <b/>
        <sz val="11"/>
        <color theme="1"/>
        <rFont val="Calibri"/>
        <family val="2"/>
        <scheme val="minor"/>
      </rPr>
      <t>see Example Tab.</t>
    </r>
  </si>
  <si>
    <t>• If the year over year increase is higher than 15%, as indicated in the Difference column, please provide details in the Additional Information tab.</t>
  </si>
  <si>
    <t>Please make sure to include information on:
1) The number of students; 
2) The distance travelled one way (km); 
3) The reason for the Parental Assistance request; and 
4) If the request is for a specialty school, please explain.
5) Have other alternatives been considered? E.G. Modifying bus route - please explain.</t>
  </si>
  <si>
    <t>Sample School District</t>
  </si>
  <si>
    <t>Sample First Nation</t>
  </si>
  <si>
    <r>
      <rPr>
        <b/>
        <sz val="10"/>
        <color theme="1"/>
        <rFont val="Calibri"/>
        <family val="2"/>
        <scheme val="minor"/>
      </rPr>
      <t>BCTEA Supports Policy</t>
    </r>
    <r>
      <rPr>
        <sz val="10"/>
        <color theme="1"/>
        <rFont val="Calibri"/>
        <family val="2"/>
        <scheme val="minor"/>
      </rPr>
      <t>: In some cases, there may be a need for additional supports to facilitate the safe arrival of children. Some preliminary eligible expenses may include:
• Supervision during bus/water travel for students wtih disabilities or diverse abilities; 
• Supervision while waiting for the bus.
Note: Bus monitor supports and/or strategies to prevent bullying during transportation should be a Board responsibility and will not be considered for BCTEA funding.</t>
    </r>
  </si>
  <si>
    <t>Please provide details of extraordinary circumstances for parental assistance.</t>
  </si>
  <si>
    <r>
      <t xml:space="preserve">• Boards of Education and First Nations will work together to jointly develop First Nation Student Transportation Plans (Joint Plans) for First Nation Students living on-reserve to attend BC Public Schools. Joint Plans must be aligned with the Guiding Principles and policies for developing Joint Plans (refer to:  </t>
    </r>
    <r>
      <rPr>
        <i/>
        <sz val="11"/>
        <rFont val="Calibri"/>
        <family val="2"/>
        <scheme val="minor"/>
      </rPr>
      <t>First Nation Student Transportation Fund: Planning, Policy and Procedures Guide for the 2024/25 School Year.)</t>
    </r>
  </si>
  <si>
    <t>School District Name</t>
  </si>
  <si>
    <t>First Nation #</t>
  </si>
  <si>
    <t>2023/24 Cost of Base Services Provided by School District Line 1</t>
  </si>
  <si>
    <t>2023/24 Cost of Base Services Provided by School District Line 2</t>
  </si>
  <si>
    <t>2023/24 Cost of Base Services Provided by School District Line 3</t>
  </si>
  <si>
    <t>2023/24 Cost of Base Services Provided by School District Line 4</t>
  </si>
  <si>
    <t>2023/24 Cost of Base Services Provided by School District Line 5</t>
  </si>
  <si>
    <t>2023/24 Cost of Base Services Provided by School District Line 6</t>
  </si>
  <si>
    <t>2023/24 Cost of Base Services Provided by School District Line 7</t>
  </si>
  <si>
    <t>2023/24 Cost of Base Services Provided by School District Line 8</t>
  </si>
  <si>
    <t>2024/25 Cost of Base Services Provided by School District 1</t>
  </si>
  <si>
    <t>2024/25 Cost of Base Services Provided by School District 2</t>
  </si>
  <si>
    <t>2024/25 Cost of Base Services Provided by School District 3</t>
  </si>
  <si>
    <t>2024/25 Cost of Base Services Provided by School District 4</t>
  </si>
  <si>
    <t>2024/25 Cost of Base Services Provided by School District 5</t>
  </si>
  <si>
    <t>2024/25 Cost of Base Services Provided by School District 6</t>
  </si>
  <si>
    <t>2024/25 Cost of Base Services Provided by School District 7</t>
  </si>
  <si>
    <t>2024/25 Cost of Base Services Provided by School District 8</t>
  </si>
  <si>
    <t>2023/24 Cost of Approved Service for BCTEA Funding Line 1</t>
  </si>
  <si>
    <t>2023/24 Cost of Approved Service for BCTEA Funding Line 2</t>
  </si>
  <si>
    <t>2023/24 Cost of Approved Service for BCTEA Funding Line 3</t>
  </si>
  <si>
    <t>2023/24 Cost of Approved Service for BCTEA Funding Line 4</t>
  </si>
  <si>
    <t>2023/24 Cost of Approved Service for BCTEA Funding Line 5</t>
  </si>
  <si>
    <t>2023/24 Cost of Approved Service for BCTEA Funding Line 6</t>
  </si>
  <si>
    <t>2023/24 Cost of Approved Service for BCTEA Funding Line 7</t>
  </si>
  <si>
    <t>2023/24 Cost of Approved Service for BCTEA Funding Line 8</t>
  </si>
  <si>
    <t>2024/25 Cost of Proposed Service for BCTEA Funding 1</t>
  </si>
  <si>
    <t>2024/25 Cost of Proposed Service for BCTEA Funding 2</t>
  </si>
  <si>
    <t>2024/25 Cost of Proposed Service for BCTEA Funding 3</t>
  </si>
  <si>
    <t>2024/25 Cost of Proposed Service for BCTEA Funding 4</t>
  </si>
  <si>
    <t>2024/25 Cost of Proposed Service for BCTEA Funding 5</t>
  </si>
  <si>
    <t>2024/25 Cost of Proposed Service for BCTEA Funding 6</t>
  </si>
  <si>
    <t>2024/25 Cost of Proposed Service for BCTEA Funding 7</t>
  </si>
  <si>
    <t>2024/25 Cost of Proposed Service for BCTEA Funding 8</t>
  </si>
  <si>
    <t>KMS funded/supplemented by BCTEA Funding Line 1</t>
  </si>
  <si>
    <t>KMS funded/supplemented by BCTEA Funding Line 2</t>
  </si>
  <si>
    <t>KMS funded/supplemented by BCTEA Funding Line 3</t>
  </si>
  <si>
    <t>KMS funded/supplemented by BCTEA Funding Line 4</t>
  </si>
  <si>
    <t>KMS funded/supplemented by BCTEA Funding Line 5</t>
  </si>
  <si>
    <t>KMS funded/supplemented by BCTEA Funding Line 6</t>
  </si>
  <si>
    <t>KMS funded/supplemented by BCTEA Funding Line 7</t>
  </si>
  <si>
    <t>KMS funded/supplemented by BCTEA Funding Line 8</t>
  </si>
  <si>
    <t>Number of FN Students funded/supplemented by BCTEA Funding Line 1</t>
  </si>
  <si>
    <t>Number of FN Students funded/supplemented by BCTEA Funding Line 2</t>
  </si>
  <si>
    <t>Number of FN Students funded/supplemented by BCTEA Funding Line 3</t>
  </si>
  <si>
    <t>Number of FN Students funded/supplemented by BCTEA Funding Line 4</t>
  </si>
  <si>
    <t>Number of FN Students funded/supplemented by BCTEA Funding Line 5</t>
  </si>
  <si>
    <t>Number of FN Students funded/supplemented by BCTEA Funding Line 6</t>
  </si>
  <si>
    <t>Number of FN Students funded/supplemented by BCTEA Funding Line 7</t>
  </si>
  <si>
    <t>Number of FN Students funded/supplemented by BCTEA Funding Line 8</t>
  </si>
  <si>
    <t>Year over year percentage difference Line 1</t>
  </si>
  <si>
    <t>Year over year percentage difference Line 2</t>
  </si>
  <si>
    <t>Year over year percentage difference Line 3</t>
  </si>
  <si>
    <t>Year over year percentage difference Line 4</t>
  </si>
  <si>
    <t>Year over year percentage difference Line 5</t>
  </si>
  <si>
    <t>Year over year percentage difference Line 6</t>
  </si>
  <si>
    <t>Year over year percentage difference Line 7</t>
  </si>
  <si>
    <t>Year over year percentage difference Line 8</t>
  </si>
  <si>
    <t>Estimated Number of Students requiring Transportation vs. Number of Students included in planning</t>
  </si>
  <si>
    <t>2023/24 Total Cost of Base Services provided by School District and or First Nation (excluding First Nation Student Transportation Fund)</t>
  </si>
  <si>
    <t>2024/25 Total Cost of Base Services provided by School District and or First Nation (excluding First Nation Student Transportation Fund)</t>
  </si>
  <si>
    <t>2023/24 Approved Tranportation Services</t>
  </si>
  <si>
    <t xml:space="preserve">2024/25 Total Additional Cost of Proposed Tranportation Services for BCTEA Joint Committee review </t>
  </si>
  <si>
    <r>
      <t xml:space="preserve">Estimate the number of Students living on reserve attending public schools </t>
    </r>
    <r>
      <rPr>
        <b/>
        <sz val="12"/>
        <color theme="1"/>
        <rFont val="Calibri"/>
        <family val="2"/>
        <scheme val="minor"/>
      </rPr>
      <t>requiring transportation.</t>
    </r>
    <r>
      <rPr>
        <sz val="12"/>
        <color theme="1"/>
        <rFont val="Calibri"/>
        <family val="2"/>
        <scheme val="minor"/>
      </rPr>
      <t xml:space="preserve"> </t>
    </r>
  </si>
  <si>
    <t>Proxy</t>
  </si>
  <si>
    <t xml:space="preserve">• Select Joint Plan Type from drop down menu:
1. Status Quo Joint Plans:
If, after consultation and agreement with respective First Nations, the Joint Plan submitted in 2023/24 is meeting the needs of the First Nation, use the BCTEA 2024/25 Joint Transportation Plan Worksheet and resubmit your Joint Plan. Please note, any carryover funding from 2023/24 will automatically be deducted from the 2024/25 funding.  
2. Revised Joint Plans:
If, after consultation and agreement with respective First Nations, the 2023/24 Joint Plan is not meeting the needs of the First Nation and revisions to services and funding are required for 2024/25, use the BCTEA 2024/25 Joint Transportation Plan Worksheet to clearly note the changes/updates.
3. New Joint Plans:
For school districts and First Nations that did not submit Joint Plans for previous years (i.e., this is your first submission), please complete and submit the BCTEA 2024/25 Joint Transportation Plan Worksheet following these instructions.
</t>
  </si>
  <si>
    <t>• Estimate the number of Students living on reserve attending public schools for the 2024/25 school year.</t>
  </si>
  <si>
    <t>Total of First Nation Students living on reserve, attending public school requiring transportation</t>
  </si>
  <si>
    <r>
      <rPr>
        <sz val="12"/>
        <color theme="1"/>
        <rFont val="Calibri"/>
        <family val="2"/>
        <scheme val="minor"/>
      </rPr>
      <t xml:space="preserve">Number of First Nation Students living on reserve, attending public school 
</t>
    </r>
    <r>
      <rPr>
        <b/>
        <sz val="12"/>
        <color theme="1"/>
        <rFont val="Calibri"/>
        <family val="2"/>
        <scheme val="minor"/>
      </rPr>
      <t>receiving / proposed to receive transportation</t>
    </r>
  </si>
  <si>
    <t>Estimate the number of Students living on reserve attending public schools for the 2024/25 school year.</t>
  </si>
  <si>
    <r>
      <t xml:space="preserve">• Estimate the number of Students living on reserve attending public school requiring transportation for the 2024/25 school year.
• Identify the First Nation, </t>
    </r>
    <r>
      <rPr>
        <sz val="11"/>
        <rFont val="Calibri"/>
        <family val="2"/>
        <scheme val="minor"/>
      </rPr>
      <t>the name of School Attending, distance in kilometers (one way)</t>
    </r>
    <r>
      <rPr>
        <sz val="11"/>
        <color theme="1"/>
        <rFont val="Calibri"/>
        <family val="2"/>
        <scheme val="minor"/>
      </rPr>
      <t>, and number of students requiring transportation.
• First Nation Students should be grouped into the type of transportation services being provided or requested. From the drop-down, please select the appropriate Transportation Service Category. If selecting Other, please explain in description. 
• If selecting Parental Assistance, please go to the Additonal Information tab to provide the following details:
1) The number of students;
2) The distance travelled one way (km);
3) The reason for the Parental Assistance request; and
4) If the request is for a specialty school, please explain. 
5) Have other alternatives been considered? E.G. Modifying bus route - Please explain
• If selecting Special Supports, please go to the Additonal Information tab to describe the type of Special Support and reason/purpose.</t>
    </r>
  </si>
  <si>
    <r>
      <t xml:space="preserve">• Describe the proposed enhanced transportation service identified by the First Nation and school district - </t>
    </r>
    <r>
      <rPr>
        <b/>
        <sz val="11"/>
        <color theme="1"/>
        <rFont val="Calibri"/>
        <family val="2"/>
        <scheme val="minor"/>
      </rPr>
      <t>see Example Tab.</t>
    </r>
    <r>
      <rPr>
        <sz val="11"/>
        <color theme="1"/>
        <rFont val="Calibri"/>
        <family val="2"/>
        <scheme val="minor"/>
      </rPr>
      <t xml:space="preserve">
</t>
    </r>
  </si>
  <si>
    <r>
      <t xml:space="preserve">• The focus is on </t>
    </r>
    <r>
      <rPr>
        <i/>
        <sz val="11"/>
        <color theme="1"/>
        <rFont val="Calibri"/>
        <family val="2"/>
        <scheme val="minor"/>
      </rPr>
      <t xml:space="preserve">operating costs </t>
    </r>
    <r>
      <rPr>
        <sz val="11"/>
        <color theme="1"/>
        <rFont val="Calibri"/>
        <family val="2"/>
        <scheme val="minor"/>
      </rPr>
      <t xml:space="preserve">associated with First Nation Student transportation services. The Joint Transportation Committee will assess the request for reasonableness. If transportation capital implications are identified, please refer to "Funding for Capital Acquisition" in the </t>
    </r>
    <r>
      <rPr>
        <i/>
        <sz val="11"/>
        <color theme="1"/>
        <rFont val="Calibri"/>
        <family val="2"/>
        <scheme val="minor"/>
      </rPr>
      <t xml:space="preserve">First Nation Student Transportation Fund: Planning, Policy and Procedures Guide 2024-25 School Year </t>
    </r>
    <r>
      <rPr>
        <sz val="11"/>
        <color theme="1"/>
        <rFont val="Calibri"/>
        <family val="2"/>
        <scheme val="minor"/>
      </rPr>
      <t>document for guidance.</t>
    </r>
  </si>
  <si>
    <t>• Boards and First Nations are required to identify the current cost to transport First Nation Students living on-reserve to BC Public school(s). Document the annual operating costs of the bus. This will include the end-to-end route beginning and ending at the bus depot. Pro-rate this cost between the number of First Nation Students, and non First Nation Students. Step 3(a) to reflect 2023/24 Cost of Base Service for comparison.</t>
  </si>
  <si>
    <t>SAFETY DECLARATION</t>
  </si>
  <si>
    <t xml:space="preserve">*The focus is on operating costs associated with First Nation Student transportation services. Perform any required pro-rating based on First Nation Students riding the bus to total students being transported.  An optional tool to calculate annual bus operatings costs is located on the Additional Information Tab.  provided e.g., driver salary, fuel, insurance, maintenance. </t>
  </si>
  <si>
    <r>
      <rPr>
        <sz val="12"/>
        <rFont val="Calibri"/>
        <family val="2"/>
        <scheme val="minor"/>
      </rPr>
      <t>First Nation students at Location G travel to and from school by BC Ferries.  For various reasons even though students are granted</t>
    </r>
    <r>
      <rPr>
        <u/>
        <sz val="12"/>
        <color theme="10"/>
        <rFont val="Calibri"/>
        <family val="2"/>
        <scheme val="minor"/>
      </rPr>
      <t xml:space="preserve"> free ferry travel</t>
    </r>
    <r>
      <rPr>
        <sz val="12"/>
        <rFont val="Calibri"/>
        <family val="2"/>
        <scheme val="minor"/>
      </rPr>
      <t xml:space="preserve">  by BC Ferries, fares are paid by students/parents</t>
    </r>
  </si>
  <si>
    <t>By checking the box below, the First Nation and School District agree that all bus stops were reviewed and determined to be safe for students.</t>
  </si>
  <si>
    <t>• Joint Plans are to be signed by the Board Chair and Chief(s) of the First Nation, or their delegates, to confirm the current transportation services and related costs for transporting First Nations Students to BC Public School(s) and clearly outlining the area(s) of improved service for the consideration by the Joint Transportation Committee. Email agreement/confirmation that the Joint Plan is complete from both the school district and First Nations will be accepted and considered a signed plan. 
• If the First Nation and School District are in agreement that all bus stops were reviewed and determined to be safe for students, indicate by checking the corresponding box in the Safety Declaration section.</t>
  </si>
  <si>
    <r>
      <t>• Boards and First Nations are required to identify and estimate the additional costs required to provide the transportation service that bridges the gap between the current service levels and the proposed enhanced services identified by the First Nation and school district, consistent with the categories in</t>
    </r>
    <r>
      <rPr>
        <sz val="11"/>
        <rFont val="Calibri"/>
        <family val="2"/>
        <scheme val="minor"/>
      </rPr>
      <t xml:space="preserve"> Step 1.</t>
    </r>
    <r>
      <rPr>
        <sz val="11"/>
        <color theme="1"/>
        <rFont val="Calibri"/>
        <family val="2"/>
        <scheme val="minor"/>
      </rPr>
      <t xml:space="preserve">
These services and costs will be taken forward to the Joint Transportation Committee for consideration.
If this is a new bus service, provide the breakdown of the annual bus operations costs on the Additional Information Tab. Step 5(a) to reflect cost of 2023/24 Cost of Approved Service for BCTEA Funding for comparison.</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42" formatCode="_-&quot;$&quot;* #,##0_-;\-&quot;$&quot;* #,##0_-;_-&quot;$&quot;* &quot;-&quot;_-;_-@_-"/>
    <numFmt numFmtId="44" formatCode="_-&quot;$&quot;* #,##0.00_-;\-&quot;$&quot;* #,##0.00_-;_-&quot;$&quot;* &quot;-&quot;??_-;_-@_-"/>
    <numFmt numFmtId="43" formatCode="_-* #,##0.00_-;\-* #,##0.00_-;_-* &quot;-&quot;??_-;_-@_-"/>
    <numFmt numFmtId="164" formatCode="&quot;$&quot;#,##0"/>
    <numFmt numFmtId="165" formatCode="_-&quot;$&quot;* #,##0_-;\-&quot;$&quot;* #,##0_-;_-&quot;$&quot;* &quot;-&quot;??_-;_-@_-"/>
    <numFmt numFmtId="166" formatCode="#,##0_ ;\-#,##0\ "/>
  </numFmts>
  <fonts count="42" x14ac:knownFonts="1">
    <font>
      <sz val="12"/>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2"/>
      <color theme="1"/>
      <name val="Calibri"/>
      <family val="2"/>
      <scheme val="minor"/>
    </font>
    <font>
      <b/>
      <sz val="12"/>
      <color theme="1"/>
      <name val="Calibri"/>
      <family val="2"/>
      <scheme val="minor"/>
    </font>
    <font>
      <b/>
      <sz val="16"/>
      <color theme="1"/>
      <name val="Calibri"/>
      <family val="2"/>
      <scheme val="minor"/>
    </font>
    <font>
      <b/>
      <sz val="24"/>
      <color theme="1"/>
      <name val="Calibri"/>
      <family val="2"/>
      <scheme val="minor"/>
    </font>
    <font>
      <u/>
      <sz val="12"/>
      <color theme="10"/>
      <name val="Calibri"/>
      <family val="2"/>
      <scheme val="minor"/>
    </font>
    <font>
      <u/>
      <sz val="12"/>
      <color theme="11"/>
      <name val="Calibri"/>
      <family val="2"/>
      <scheme val="minor"/>
    </font>
    <font>
      <sz val="12"/>
      <name val="Calibri"/>
      <family val="2"/>
      <scheme val="minor"/>
    </font>
    <font>
      <b/>
      <i/>
      <sz val="12"/>
      <color theme="1"/>
      <name val="Calibri"/>
      <family val="2"/>
      <scheme val="minor"/>
    </font>
    <font>
      <b/>
      <sz val="18"/>
      <color theme="1"/>
      <name val="Calibri"/>
      <family val="2"/>
      <scheme val="minor"/>
    </font>
    <font>
      <b/>
      <sz val="20"/>
      <color rgb="FFFF0000"/>
      <name val="Calibri"/>
      <family val="2"/>
      <scheme val="minor"/>
    </font>
    <font>
      <sz val="14"/>
      <color theme="1"/>
      <name val="Calibri"/>
      <family val="2"/>
      <scheme val="minor"/>
    </font>
    <font>
      <b/>
      <sz val="28"/>
      <color rgb="FFFF0000"/>
      <name val="Calibri"/>
      <family val="2"/>
      <scheme val="minor"/>
    </font>
    <font>
      <b/>
      <sz val="20"/>
      <color theme="1"/>
      <name val="Calibri"/>
      <family val="2"/>
      <scheme val="minor"/>
    </font>
    <font>
      <sz val="10"/>
      <name val="Arial"/>
      <family val="2"/>
    </font>
    <font>
      <sz val="16"/>
      <color theme="1"/>
      <name val="Calibri"/>
      <family val="2"/>
      <scheme val="minor"/>
    </font>
    <font>
      <sz val="11"/>
      <color rgb="FFFF0000"/>
      <name val="Calibri"/>
      <family val="2"/>
      <scheme val="minor"/>
    </font>
    <font>
      <b/>
      <sz val="11"/>
      <color theme="1"/>
      <name val="Calibri"/>
      <family val="2"/>
      <scheme val="minor"/>
    </font>
    <font>
      <i/>
      <sz val="11"/>
      <color theme="1"/>
      <name val="Calibri"/>
      <family val="2"/>
      <scheme val="minor"/>
    </font>
    <font>
      <b/>
      <sz val="11"/>
      <color theme="0"/>
      <name val="Calibri"/>
      <family val="2"/>
      <scheme val="minor"/>
    </font>
    <font>
      <sz val="12"/>
      <color rgb="FFFF0000"/>
      <name val="Calibri"/>
      <family val="2"/>
      <scheme val="minor"/>
    </font>
    <font>
      <sz val="8"/>
      <name val="Calibri"/>
      <family val="2"/>
      <scheme val="minor"/>
    </font>
    <font>
      <b/>
      <sz val="12"/>
      <name val="Calibri"/>
      <family val="2"/>
      <scheme val="minor"/>
    </font>
    <font>
      <sz val="11"/>
      <name val="Calibri"/>
      <family val="2"/>
      <scheme val="minor"/>
    </font>
    <font>
      <i/>
      <sz val="11"/>
      <name val="Calibri"/>
      <family val="2"/>
      <scheme val="minor"/>
    </font>
    <font>
      <sz val="11"/>
      <color rgb="FF000000"/>
      <name val="Calibri"/>
      <family val="2"/>
      <scheme val="minor"/>
    </font>
    <font>
      <sz val="12"/>
      <color rgb="FF040C28"/>
      <name val="Arial"/>
      <family val="2"/>
    </font>
    <font>
      <b/>
      <sz val="14"/>
      <color theme="0"/>
      <name val="Calibri"/>
      <family val="2"/>
      <scheme val="minor"/>
    </font>
    <font>
      <sz val="12"/>
      <color theme="0"/>
      <name val="Calibri"/>
      <family val="2"/>
      <scheme val="minor"/>
    </font>
    <font>
      <b/>
      <sz val="11"/>
      <name val="Calibri"/>
      <family val="2"/>
      <scheme val="minor"/>
    </font>
    <font>
      <sz val="10"/>
      <color theme="1"/>
      <name val="Calibri"/>
      <family val="2"/>
      <scheme val="minor"/>
    </font>
    <font>
      <b/>
      <sz val="10"/>
      <color theme="1"/>
      <name val="Calibri"/>
      <family val="2"/>
      <scheme val="minor"/>
    </font>
  </fonts>
  <fills count="10">
    <fill>
      <patternFill patternType="none"/>
    </fill>
    <fill>
      <patternFill patternType="gray125"/>
    </fill>
    <fill>
      <patternFill patternType="solid">
        <fgColor theme="4" tint="0.79998168889431442"/>
        <bgColor indexed="64"/>
      </patternFill>
    </fill>
    <fill>
      <patternFill patternType="solid">
        <fgColor rgb="FFD9E1F2"/>
        <bgColor indexed="64"/>
      </patternFill>
    </fill>
    <fill>
      <patternFill patternType="solid">
        <fgColor theme="4" tint="0.59999389629810485"/>
        <bgColor indexed="64"/>
      </patternFill>
    </fill>
    <fill>
      <patternFill patternType="solid">
        <fgColor rgb="FFFFFFCC"/>
        <bgColor indexed="64"/>
      </patternFill>
    </fill>
    <fill>
      <patternFill patternType="solid">
        <fgColor rgb="FFB4C6E7"/>
        <bgColor indexed="64"/>
      </patternFill>
    </fill>
    <fill>
      <patternFill patternType="solid">
        <fgColor theme="4" tint="0.39997558519241921"/>
        <bgColor indexed="64"/>
      </patternFill>
    </fill>
    <fill>
      <patternFill patternType="solid">
        <fgColor theme="7" tint="0.59999389629810485"/>
        <bgColor indexed="64"/>
      </patternFill>
    </fill>
    <fill>
      <patternFill patternType="solid">
        <fgColor rgb="FFFFFF00"/>
        <bgColor indexed="64"/>
      </patternFill>
    </fill>
  </fills>
  <borders count="24">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right/>
      <top/>
      <bottom style="thin">
        <color auto="1"/>
      </bottom>
      <diagonal/>
    </border>
    <border>
      <left style="thin">
        <color auto="1"/>
      </left>
      <right style="thin">
        <color auto="1"/>
      </right>
      <top style="thin">
        <color auto="1"/>
      </top>
      <bottom/>
      <diagonal/>
    </border>
    <border>
      <left style="thin">
        <color auto="1"/>
      </left>
      <right/>
      <top style="thin">
        <color auto="1"/>
      </top>
      <bottom/>
      <diagonal/>
    </border>
    <border>
      <left/>
      <right/>
      <top style="thin">
        <color auto="1"/>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auto="1"/>
      </left>
      <right style="thin">
        <color auto="1"/>
      </right>
      <top/>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right style="thin">
        <color indexed="64"/>
      </right>
      <top style="thin">
        <color auto="1"/>
      </top>
      <bottom style="dotted">
        <color indexed="64"/>
      </bottom>
      <diagonal/>
    </border>
    <border>
      <left/>
      <right/>
      <top style="thin">
        <color auto="1"/>
      </top>
      <bottom style="dotted">
        <color indexed="64"/>
      </bottom>
      <diagonal/>
    </border>
    <border>
      <left style="thin">
        <color auto="1"/>
      </left>
      <right/>
      <top style="thin">
        <color auto="1"/>
      </top>
      <bottom style="dotted">
        <color indexed="64"/>
      </bottom>
      <diagonal/>
    </border>
    <border>
      <left/>
      <right/>
      <top style="dotted">
        <color indexed="64"/>
      </top>
      <bottom/>
      <diagonal/>
    </border>
    <border>
      <left/>
      <right/>
      <top/>
      <bottom style="medium">
        <color indexed="64"/>
      </bottom>
      <diagonal/>
    </border>
    <border>
      <left/>
      <right/>
      <top/>
      <bottom style="thin">
        <color theme="4" tint="0.39997558519241921"/>
      </bottom>
      <diagonal/>
    </border>
  </borders>
  <cellStyleXfs count="53">
    <xf numFmtId="0" fontId="0" fillId="0" borderId="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5" fillId="0" borderId="0" applyNumberFormat="0" applyFill="0" applyBorder="0" applyAlignment="0" applyProtection="0"/>
    <xf numFmtId="0" fontId="16" fillId="0" borderId="0" applyNumberFormat="0" applyFill="0" applyBorder="0" applyAlignment="0" applyProtection="0"/>
    <xf numFmtId="0" fontId="10" fillId="0" borderId="0"/>
    <xf numFmtId="43" fontId="10" fillId="0" borderId="0" applyFont="0" applyFill="0" applyBorder="0" applyAlignment="0" applyProtection="0"/>
    <xf numFmtId="0" fontId="24" fillId="0" borderId="0"/>
    <xf numFmtId="0" fontId="11" fillId="0" borderId="0"/>
    <xf numFmtId="44" fontId="11" fillId="0" borderId="0" applyFont="0" applyFill="0" applyBorder="0" applyAlignment="0" applyProtection="0"/>
    <xf numFmtId="44" fontId="11" fillId="0" borderId="0" applyFont="0" applyFill="0" applyBorder="0" applyAlignment="0" applyProtection="0"/>
    <xf numFmtId="0" fontId="15" fillId="0" borderId="0" applyNumberFormat="0" applyFill="0" applyBorder="0" applyAlignment="0" applyProtection="0"/>
    <xf numFmtId="9" fontId="11" fillId="0" borderId="0" applyFont="0" applyFill="0" applyBorder="0" applyAlignment="0" applyProtection="0"/>
  </cellStyleXfs>
  <cellXfs count="183">
    <xf numFmtId="0" fontId="0" fillId="0" borderId="0" xfId="0"/>
    <xf numFmtId="0" fontId="12" fillId="0" borderId="0" xfId="0" applyFont="1"/>
    <xf numFmtId="0" fontId="13" fillId="0" borderId="0" xfId="0" applyFont="1"/>
    <xf numFmtId="0" fontId="14" fillId="0" borderId="0" xfId="0" applyFont="1"/>
    <xf numFmtId="0" fontId="21" fillId="0" borderId="0" xfId="0" applyFont="1"/>
    <xf numFmtId="0" fontId="17" fillId="0" borderId="0" xfId="0" applyFont="1"/>
    <xf numFmtId="0" fontId="23" fillId="0" borderId="0" xfId="0" applyFont="1"/>
    <xf numFmtId="0" fontId="0" fillId="2" borderId="0" xfId="0" applyFill="1"/>
    <xf numFmtId="164" fontId="0" fillId="3" borderId="8" xfId="0" applyNumberFormat="1" applyFill="1" applyBorder="1" applyAlignment="1">
      <alignment horizontal="center" vertical="center"/>
    </xf>
    <xf numFmtId="0" fontId="0" fillId="0" borderId="0" xfId="0" applyAlignment="1">
      <alignment horizontal="left"/>
    </xf>
    <xf numFmtId="0" fontId="0" fillId="0" borderId="0" xfId="0" applyAlignment="1">
      <alignment horizontal="center" vertical="center"/>
    </xf>
    <xf numFmtId="0" fontId="0" fillId="0" borderId="0" xfId="0" applyAlignment="1">
      <alignment vertical="top"/>
    </xf>
    <xf numFmtId="0" fontId="27" fillId="3" borderId="0" xfId="0" applyFont="1" applyFill="1" applyAlignment="1">
      <alignment horizontal="left" vertical="center"/>
    </xf>
    <xf numFmtId="0" fontId="0" fillId="3" borderId="1" xfId="0" applyFill="1" applyBorder="1"/>
    <xf numFmtId="0" fontId="30" fillId="0" borderId="0" xfId="0" applyFont="1" applyAlignment="1">
      <alignment vertical="center" wrapText="1"/>
    </xf>
    <xf numFmtId="0" fontId="0" fillId="0" borderId="1" xfId="0" applyBorder="1" applyAlignment="1">
      <alignment wrapText="1"/>
    </xf>
    <xf numFmtId="0" fontId="0" fillId="0" borderId="1" xfId="0" applyBorder="1" applyAlignment="1">
      <alignment vertical="top" wrapText="1"/>
    </xf>
    <xf numFmtId="0" fontId="26" fillId="4" borderId="2" xfId="0" applyFont="1" applyFill="1" applyBorder="1" applyAlignment="1" applyProtection="1">
      <alignment horizontal="center" vertical="top" wrapText="1"/>
      <protection hidden="1"/>
    </xf>
    <xf numFmtId="0" fontId="26" fillId="4" borderId="3" xfId="0" applyFont="1" applyFill="1" applyBorder="1" applyAlignment="1" applyProtection="1">
      <alignment horizontal="center" vertical="top" wrapText="1"/>
      <protection hidden="1"/>
    </xf>
    <xf numFmtId="0" fontId="13" fillId="4" borderId="5" xfId="0" applyFont="1" applyFill="1" applyBorder="1" applyAlignment="1">
      <alignment horizontal="center" wrapText="1"/>
    </xf>
    <xf numFmtId="0" fontId="30" fillId="0" borderId="0" xfId="0" applyFont="1" applyAlignment="1">
      <alignment horizontal="center" vertical="center" wrapText="1"/>
    </xf>
    <xf numFmtId="0" fontId="0" fillId="3" borderId="2" xfId="0" applyFill="1" applyBorder="1" applyAlignment="1">
      <alignment horizontal="center" wrapText="1"/>
    </xf>
    <xf numFmtId="0" fontId="12" fillId="3" borderId="5" xfId="0" applyFont="1" applyFill="1" applyBorder="1" applyAlignment="1">
      <alignment horizontal="center" wrapText="1"/>
    </xf>
    <xf numFmtId="0" fontId="30" fillId="0" borderId="0" xfId="0" applyFont="1" applyAlignment="1">
      <alignment vertical="center"/>
    </xf>
    <xf numFmtId="0" fontId="0" fillId="3" borderId="1" xfId="0" applyFill="1" applyBorder="1" applyAlignment="1">
      <alignment wrapText="1"/>
    </xf>
    <xf numFmtId="0" fontId="0" fillId="3" borderId="16" xfId="0" applyFill="1" applyBorder="1" applyAlignment="1">
      <alignment vertical="top" wrapText="1"/>
    </xf>
    <xf numFmtId="0" fontId="26" fillId="4" borderId="7" xfId="0" applyFont="1" applyFill="1" applyBorder="1" applyAlignment="1" applyProtection="1">
      <alignment horizontal="center" vertical="top" wrapText="1"/>
      <protection hidden="1"/>
    </xf>
    <xf numFmtId="0" fontId="0" fillId="3" borderId="5" xfId="0" applyFill="1" applyBorder="1" applyAlignment="1">
      <alignment horizontal="center"/>
    </xf>
    <xf numFmtId="0" fontId="0" fillId="3" borderId="11" xfId="0" applyFill="1" applyBorder="1"/>
    <xf numFmtId="0" fontId="0" fillId="3" borderId="14" xfId="0" applyFill="1" applyBorder="1"/>
    <xf numFmtId="0" fontId="17" fillId="3" borderId="1" xfId="0" applyFont="1" applyFill="1" applyBorder="1" applyAlignment="1">
      <alignment horizontal="center" vertical="center" wrapText="1"/>
    </xf>
    <xf numFmtId="0" fontId="0" fillId="3" borderId="1" xfId="0" applyFill="1" applyBorder="1" applyAlignment="1">
      <alignment horizontal="center" vertical="center" wrapText="1"/>
    </xf>
    <xf numFmtId="0" fontId="0" fillId="0" borderId="0" xfId="0" applyAlignment="1">
      <alignment vertical="top" wrapText="1"/>
    </xf>
    <xf numFmtId="0" fontId="9" fillId="0" borderId="0" xfId="0" applyFont="1" applyAlignment="1">
      <alignment wrapText="1"/>
    </xf>
    <xf numFmtId="0" fontId="35" fillId="0" borderId="0" xfId="0" applyFont="1" applyAlignment="1">
      <alignment horizontal="left" vertical="center" wrapText="1" indent="2"/>
    </xf>
    <xf numFmtId="0" fontId="0" fillId="2" borderId="11" xfId="0" applyFill="1" applyBorder="1"/>
    <xf numFmtId="0" fontId="12" fillId="2" borderId="14" xfId="0" applyFont="1" applyFill="1" applyBorder="1" applyAlignment="1">
      <alignment vertical="top" wrapText="1"/>
    </xf>
    <xf numFmtId="44" fontId="0" fillId="0" borderId="0" xfId="0" applyNumberFormat="1"/>
    <xf numFmtId="0" fontId="0" fillId="0" borderId="0" xfId="0" applyAlignment="1">
      <alignment wrapText="1"/>
    </xf>
    <xf numFmtId="0" fontId="17" fillId="5" borderId="1" xfId="0" applyFont="1" applyFill="1" applyBorder="1" applyAlignment="1" applyProtection="1">
      <alignment horizontal="center" vertical="center" wrapText="1"/>
      <protection locked="0"/>
    </xf>
    <xf numFmtId="0" fontId="0" fillId="5" borderId="1" xfId="0" applyFill="1" applyBorder="1" applyAlignment="1" applyProtection="1">
      <alignment horizontal="center" vertical="center"/>
      <protection locked="0"/>
    </xf>
    <xf numFmtId="0" fontId="12" fillId="0" borderId="0" xfId="0" applyFont="1" applyProtection="1">
      <protection locked="0"/>
    </xf>
    <xf numFmtId="0" fontId="0" fillId="5" borderId="1" xfId="0" applyFill="1" applyBorder="1" applyAlignment="1" applyProtection="1">
      <alignment horizontal="center" wrapText="1"/>
      <protection locked="0"/>
    </xf>
    <xf numFmtId="0" fontId="0" fillId="0" borderId="0" xfId="0" applyProtection="1">
      <protection locked="0"/>
    </xf>
    <xf numFmtId="0" fontId="12" fillId="0" borderId="0" xfId="0" applyFont="1" applyAlignment="1" applyProtection="1">
      <alignment wrapText="1"/>
      <protection locked="0"/>
    </xf>
    <xf numFmtId="0" fontId="18" fillId="0" borderId="0" xfId="0" applyFont="1" applyProtection="1">
      <protection locked="0"/>
    </xf>
    <xf numFmtId="0" fontId="30" fillId="0" borderId="0" xfId="0" applyFont="1" applyAlignment="1" applyProtection="1">
      <alignment vertical="center" wrapText="1"/>
      <protection locked="0"/>
    </xf>
    <xf numFmtId="44" fontId="0" fillId="5" borderId="1" xfId="50" applyFont="1" applyFill="1" applyBorder="1" applyAlignment="1" applyProtection="1">
      <alignment horizontal="center" vertical="center"/>
      <protection locked="0"/>
    </xf>
    <xf numFmtId="165" fontId="0" fillId="3" borderId="8" xfId="50" applyNumberFormat="1" applyFont="1" applyFill="1" applyBorder="1" applyAlignment="1" applyProtection="1">
      <alignment horizontal="center"/>
    </xf>
    <xf numFmtId="0" fontId="0" fillId="5" borderId="8" xfId="0" applyFill="1" applyBorder="1" applyAlignment="1" applyProtection="1">
      <alignment horizontal="center" vertical="center"/>
      <protection locked="0"/>
    </xf>
    <xf numFmtId="0" fontId="0" fillId="5" borderId="5" xfId="0" applyFill="1" applyBorder="1" applyAlignment="1" applyProtection="1">
      <alignment horizontal="center" vertical="center"/>
      <protection locked="0"/>
    </xf>
    <xf numFmtId="0" fontId="0" fillId="5" borderId="22" xfId="0" applyFill="1" applyBorder="1" applyProtection="1">
      <protection locked="0"/>
    </xf>
    <xf numFmtId="1" fontId="0" fillId="3" borderId="8" xfId="50" applyNumberFormat="1" applyFont="1" applyFill="1" applyBorder="1" applyAlignment="1" applyProtection="1">
      <alignment horizontal="center"/>
    </xf>
    <xf numFmtId="0" fontId="17" fillId="3" borderId="6" xfId="0" applyFont="1" applyFill="1" applyBorder="1" applyAlignment="1">
      <alignment horizontal="center" wrapText="1"/>
    </xf>
    <xf numFmtId="0" fontId="13" fillId="4" borderId="1" xfId="0" applyFont="1" applyFill="1" applyBorder="1" applyAlignment="1">
      <alignment horizontal="center" wrapText="1"/>
    </xf>
    <xf numFmtId="0" fontId="0" fillId="5" borderId="1" xfId="0" applyFill="1" applyBorder="1"/>
    <xf numFmtId="164" fontId="0" fillId="3" borderId="12" xfId="0" applyNumberFormat="1" applyFill="1" applyBorder="1" applyAlignment="1">
      <alignment horizontal="center" vertical="center"/>
    </xf>
    <xf numFmtId="0" fontId="0" fillId="0" borderId="12" xfId="0" applyBorder="1"/>
    <xf numFmtId="0" fontId="20" fillId="0" borderId="0" xfId="0" applyFont="1" applyProtection="1">
      <protection locked="0"/>
    </xf>
    <xf numFmtId="0" fontId="13" fillId="4" borderId="1" xfId="0" applyFont="1" applyFill="1" applyBorder="1" applyAlignment="1">
      <alignment horizontal="center" vertical="center" wrapText="1"/>
    </xf>
    <xf numFmtId="0" fontId="0" fillId="3" borderId="1" xfId="0" applyFill="1" applyBorder="1" applyAlignment="1">
      <alignment vertical="top" wrapText="1"/>
    </xf>
    <xf numFmtId="0" fontId="0" fillId="0" borderId="0" xfId="0" applyAlignment="1">
      <alignment horizontal="center" wrapText="1"/>
    </xf>
    <xf numFmtId="0" fontId="0" fillId="0" borderId="0" xfId="0" applyAlignment="1" applyProtection="1">
      <alignment horizontal="center" wrapText="1"/>
      <protection locked="0"/>
    </xf>
    <xf numFmtId="0" fontId="0" fillId="0" borderId="0" xfId="0" applyAlignment="1" applyProtection="1">
      <alignment wrapText="1"/>
      <protection locked="0"/>
    </xf>
    <xf numFmtId="0" fontId="17" fillId="0" borderId="0" xfId="0" applyFont="1" applyAlignment="1">
      <alignment vertical="center" wrapText="1"/>
    </xf>
    <xf numFmtId="0" fontId="17" fillId="3" borderId="8" xfId="0" applyFont="1" applyFill="1" applyBorder="1" applyAlignment="1">
      <alignment horizontal="center" vertical="center" wrapText="1"/>
    </xf>
    <xf numFmtId="0" fontId="22" fillId="0" borderId="0" xfId="0" applyFont="1" applyProtection="1">
      <protection locked="0"/>
    </xf>
    <xf numFmtId="0" fontId="0" fillId="3" borderId="1" xfId="0" applyFill="1" applyBorder="1" applyAlignment="1">
      <alignment horizontal="center"/>
    </xf>
    <xf numFmtId="0" fontId="0" fillId="3" borderId="1" xfId="0" applyFill="1" applyBorder="1" applyAlignment="1">
      <alignment horizontal="center" wrapText="1"/>
    </xf>
    <xf numFmtId="0" fontId="13" fillId="4" borderId="8" xfId="0" applyFont="1" applyFill="1" applyBorder="1" applyAlignment="1">
      <alignment horizontal="center" vertical="center" wrapText="1"/>
    </xf>
    <xf numFmtId="0" fontId="38" fillId="7" borderId="0" xfId="0" applyFont="1" applyFill="1" applyAlignment="1">
      <alignment horizontal="center"/>
    </xf>
    <xf numFmtId="0" fontId="30" fillId="0" borderId="0" xfId="0" applyFont="1"/>
    <xf numFmtId="164" fontId="0" fillId="3" borderId="5" xfId="0" applyNumberFormat="1" applyFill="1" applyBorder="1" applyAlignment="1">
      <alignment horizontal="center" vertical="center"/>
    </xf>
    <xf numFmtId="0" fontId="0" fillId="2" borderId="5" xfId="0" applyFill="1" applyBorder="1" applyAlignment="1">
      <alignment horizontal="center" wrapText="1"/>
    </xf>
    <xf numFmtId="9" fontId="36" fillId="3" borderId="1" xfId="52" applyFont="1" applyFill="1" applyBorder="1" applyAlignment="1">
      <alignment horizontal="right"/>
    </xf>
    <xf numFmtId="0" fontId="27" fillId="2" borderId="7" xfId="0" applyFont="1" applyFill="1" applyBorder="1" applyAlignment="1">
      <alignment vertical="top" wrapText="1"/>
    </xf>
    <xf numFmtId="0" fontId="27" fillId="0" borderId="0" xfId="0" applyFont="1" applyAlignment="1">
      <alignment vertical="top" wrapText="1"/>
    </xf>
    <xf numFmtId="0" fontId="27" fillId="2" borderId="7" xfId="0" applyFont="1" applyFill="1" applyBorder="1" applyAlignment="1">
      <alignment horizontal="center" vertical="top" wrapText="1"/>
    </xf>
    <xf numFmtId="0" fontId="0" fillId="0" borderId="0" xfId="0" applyAlignment="1">
      <alignment horizontal="left" indent="1"/>
    </xf>
    <xf numFmtId="0" fontId="27" fillId="0" borderId="23" xfId="0" applyFont="1" applyBorder="1" applyAlignment="1">
      <alignment horizontal="left" indent="1"/>
    </xf>
    <xf numFmtId="0" fontId="27" fillId="0" borderId="0" xfId="0" applyFont="1" applyAlignment="1">
      <alignment horizontal="left" indent="1"/>
    </xf>
    <xf numFmtId="0" fontId="0" fillId="0" borderId="0" xfId="0" applyAlignment="1">
      <alignment horizontal="left" indent="2"/>
    </xf>
    <xf numFmtId="38" fontId="0" fillId="0" borderId="0" xfId="0" applyNumberFormat="1"/>
    <xf numFmtId="44" fontId="0" fillId="0" borderId="0" xfId="0" applyNumberFormat="1" applyAlignment="1">
      <alignment vertical="top"/>
    </xf>
    <xf numFmtId="166" fontId="0" fillId="0" borderId="0" xfId="0" applyNumberFormat="1"/>
    <xf numFmtId="38" fontId="0" fillId="8" borderId="0" xfId="0" applyNumberFormat="1" applyFill="1"/>
    <xf numFmtId="1" fontId="0" fillId="0" borderId="0" xfId="0" applyNumberFormat="1" applyAlignment="1">
      <alignment vertical="top"/>
    </xf>
    <xf numFmtId="0" fontId="0" fillId="9" borderId="0" xfId="0" applyFill="1" applyAlignment="1">
      <alignment horizontal="left" indent="2"/>
    </xf>
    <xf numFmtId="38" fontId="0" fillId="9" borderId="0" xfId="0" applyNumberFormat="1" applyFill="1"/>
    <xf numFmtId="0" fontId="0" fillId="0" borderId="0" xfId="0" quotePrefix="1" applyAlignment="1">
      <alignment horizontal="left" indent="2"/>
    </xf>
    <xf numFmtId="0" fontId="0" fillId="0" borderId="0" xfId="0" applyAlignment="1">
      <alignment horizontal="left" wrapText="1" indent="2"/>
    </xf>
    <xf numFmtId="0" fontId="0" fillId="9" borderId="0" xfId="0" applyFill="1" applyAlignment="1">
      <alignment vertical="top"/>
    </xf>
    <xf numFmtId="38" fontId="12" fillId="0" borderId="0" xfId="0" applyNumberFormat="1" applyFont="1" applyAlignment="1">
      <alignment vertical="center"/>
    </xf>
    <xf numFmtId="0" fontId="11" fillId="0" borderId="0" xfId="0" applyFont="1" applyAlignment="1">
      <alignment vertical="center"/>
    </xf>
    <xf numFmtId="0" fontId="12" fillId="0" borderId="0" xfId="0" applyFont="1" applyAlignment="1">
      <alignment horizontal="left" vertical="center"/>
    </xf>
    <xf numFmtId="0" fontId="27" fillId="2" borderId="23" xfId="0" applyFont="1" applyFill="1" applyBorder="1" applyAlignment="1">
      <alignment horizontal="left" indent="1"/>
    </xf>
    <xf numFmtId="0" fontId="27" fillId="2" borderId="0" xfId="0" applyFont="1" applyFill="1" applyAlignment="1">
      <alignment horizontal="left" indent="2"/>
    </xf>
    <xf numFmtId="0" fontId="7" fillId="2" borderId="0" xfId="0" applyFont="1" applyFill="1" applyAlignment="1">
      <alignment horizontal="left" indent="1"/>
    </xf>
    <xf numFmtId="0" fontId="7" fillId="2" borderId="0" xfId="0" applyFont="1" applyFill="1" applyAlignment="1">
      <alignment horizontal="left" indent="2"/>
    </xf>
    <xf numFmtId="9" fontId="0" fillId="0" borderId="0" xfId="0" applyNumberFormat="1"/>
    <xf numFmtId="0" fontId="0" fillId="5" borderId="1" xfId="0" applyFill="1" applyBorder="1" applyAlignment="1" applyProtection="1">
      <alignment horizontal="left" wrapText="1"/>
      <protection locked="0"/>
    </xf>
    <xf numFmtId="42" fontId="0" fillId="0" borderId="0" xfId="0" applyNumberFormat="1"/>
    <xf numFmtId="1" fontId="0" fillId="0" borderId="0" xfId="0" applyNumberFormat="1"/>
    <xf numFmtId="0" fontId="0" fillId="5" borderId="1" xfId="0" applyFill="1" applyBorder="1" applyAlignment="1" applyProtection="1">
      <alignment wrapText="1"/>
      <protection locked="0"/>
    </xf>
    <xf numFmtId="0" fontId="15" fillId="5" borderId="1" xfId="51" applyFill="1" applyBorder="1" applyAlignment="1" applyProtection="1">
      <alignment wrapText="1"/>
      <protection locked="0"/>
    </xf>
    <xf numFmtId="0" fontId="19" fillId="6" borderId="1" xfId="0" applyFont="1" applyFill="1" applyBorder="1" applyAlignment="1">
      <alignment horizontal="center" vertical="center"/>
    </xf>
    <xf numFmtId="0" fontId="0" fillId="3" borderId="1" xfId="0" applyFill="1" applyBorder="1" applyAlignment="1">
      <alignment horizontal="center" vertical="center" wrapText="1"/>
    </xf>
    <xf numFmtId="0" fontId="0" fillId="5" borderId="1" xfId="0" applyFill="1" applyBorder="1" applyAlignment="1" applyProtection="1">
      <alignment horizontal="center" vertical="center"/>
      <protection locked="0"/>
    </xf>
    <xf numFmtId="0" fontId="12" fillId="3" borderId="9" xfId="0" applyFont="1" applyFill="1" applyBorder="1" applyAlignment="1">
      <alignment horizontal="center" vertical="top" wrapText="1"/>
    </xf>
    <xf numFmtId="0" fontId="12" fillId="3" borderId="11" xfId="0" applyFont="1" applyFill="1" applyBorder="1" applyAlignment="1">
      <alignment horizontal="center" vertical="top" wrapText="1"/>
    </xf>
    <xf numFmtId="0" fontId="12" fillId="3" borderId="6" xfId="0" applyFont="1" applyFill="1" applyBorder="1" applyAlignment="1">
      <alignment horizontal="center" vertical="top" wrapText="1"/>
    </xf>
    <xf numFmtId="0" fontId="12" fillId="3" borderId="14" xfId="0" applyFont="1" applyFill="1" applyBorder="1" applyAlignment="1">
      <alignment horizontal="center" vertical="top" wrapText="1"/>
    </xf>
    <xf numFmtId="0" fontId="0" fillId="2" borderId="5" xfId="0" applyFill="1" applyBorder="1" applyAlignment="1">
      <alignment horizontal="center" wrapText="1"/>
    </xf>
    <xf numFmtId="0" fontId="19" fillId="6" borderId="2" xfId="0" applyFont="1" applyFill="1" applyBorder="1" applyAlignment="1">
      <alignment horizontal="left" vertical="top"/>
    </xf>
    <xf numFmtId="0" fontId="19" fillId="6" borderId="3" xfId="0" applyFont="1" applyFill="1" applyBorder="1" applyAlignment="1">
      <alignment horizontal="left" vertical="top"/>
    </xf>
    <xf numFmtId="0" fontId="19" fillId="6" borderId="4" xfId="0" applyFont="1" applyFill="1" applyBorder="1" applyAlignment="1">
      <alignment horizontal="left" vertical="top"/>
    </xf>
    <xf numFmtId="0" fontId="0" fillId="5" borderId="1" xfId="0" applyFill="1" applyBorder="1" applyAlignment="1" applyProtection="1">
      <alignment horizontal="center" wrapText="1"/>
      <protection locked="0"/>
    </xf>
    <xf numFmtId="0" fontId="12" fillId="0" borderId="0" xfId="0" applyFont="1" applyAlignment="1" applyProtection="1">
      <alignment horizontal="right"/>
      <protection locked="0"/>
    </xf>
    <xf numFmtId="0" fontId="12" fillId="0" borderId="13" xfId="0" applyFont="1" applyBorder="1" applyAlignment="1" applyProtection="1">
      <alignment horizontal="right"/>
      <protection locked="0"/>
    </xf>
    <xf numFmtId="0" fontId="12" fillId="0" borderId="0" xfId="0" applyFont="1" applyAlignment="1" applyProtection="1">
      <alignment horizontal="right" wrapText="1"/>
      <protection locked="0"/>
    </xf>
    <xf numFmtId="0" fontId="12" fillId="0" borderId="13" xfId="0" applyFont="1" applyBorder="1" applyAlignment="1" applyProtection="1">
      <alignment horizontal="right" wrapText="1"/>
      <protection locked="0"/>
    </xf>
    <xf numFmtId="0" fontId="0" fillId="3" borderId="3" xfId="0" applyFill="1" applyBorder="1" applyAlignment="1">
      <alignment vertical="top" wrapText="1"/>
    </xf>
    <xf numFmtId="0" fontId="0" fillId="3" borderId="4" xfId="0" applyFill="1" applyBorder="1" applyAlignment="1">
      <alignment vertical="top" wrapText="1"/>
    </xf>
    <xf numFmtId="0" fontId="0" fillId="3" borderId="20" xfId="0" applyFill="1" applyBorder="1" applyAlignment="1">
      <alignment vertical="top" wrapText="1"/>
    </xf>
    <xf numFmtId="0" fontId="0" fillId="3" borderId="19" xfId="0" applyFill="1" applyBorder="1" applyAlignment="1">
      <alignment vertical="top" wrapText="1"/>
    </xf>
    <xf numFmtId="0" fontId="0" fillId="3" borderId="18" xfId="0" applyFill="1" applyBorder="1" applyAlignment="1">
      <alignment vertical="top" wrapText="1"/>
    </xf>
    <xf numFmtId="0" fontId="0" fillId="3" borderId="16" xfId="0" applyFill="1" applyBorder="1" applyAlignment="1">
      <alignment horizontal="left" vertical="top" wrapText="1"/>
    </xf>
    <xf numFmtId="0" fontId="0" fillId="3" borderId="17" xfId="0" applyFill="1" applyBorder="1" applyAlignment="1">
      <alignment horizontal="left" vertical="top" wrapText="1"/>
    </xf>
    <xf numFmtId="0" fontId="13" fillId="4" borderId="9" xfId="0" applyFont="1" applyFill="1" applyBorder="1" applyAlignment="1">
      <alignment horizontal="center" vertical="center" wrapText="1"/>
    </xf>
    <xf numFmtId="0" fontId="13" fillId="4" borderId="10" xfId="0" applyFont="1" applyFill="1" applyBorder="1" applyAlignment="1">
      <alignment horizontal="center" vertical="center" wrapText="1"/>
    </xf>
    <xf numFmtId="0" fontId="13" fillId="4" borderId="11" xfId="0" applyFont="1" applyFill="1" applyBorder="1" applyAlignment="1">
      <alignment horizontal="center" vertical="center" wrapText="1"/>
    </xf>
    <xf numFmtId="0" fontId="0" fillId="5" borderId="16" xfId="0" applyFill="1" applyBorder="1" applyAlignment="1" applyProtection="1">
      <alignment horizontal="left" vertical="top" wrapText="1"/>
      <protection locked="0"/>
    </xf>
    <xf numFmtId="0" fontId="0" fillId="5" borderId="17" xfId="0" applyFill="1" applyBorder="1" applyAlignment="1" applyProtection="1">
      <alignment horizontal="left" vertical="top" wrapText="1"/>
      <protection locked="0"/>
    </xf>
    <xf numFmtId="0" fontId="13" fillId="4" borderId="2" xfId="0" applyFont="1" applyFill="1" applyBorder="1" applyAlignment="1">
      <alignment horizontal="center" vertical="center" wrapText="1"/>
    </xf>
    <xf numFmtId="0" fontId="13" fillId="4" borderId="4" xfId="0" applyFont="1" applyFill="1" applyBorder="1" applyAlignment="1">
      <alignment horizontal="center" vertical="center" wrapText="1"/>
    </xf>
    <xf numFmtId="0" fontId="0" fillId="0" borderId="0" xfId="0" applyAlignment="1">
      <alignment horizontal="left" vertical="top" wrapText="1"/>
    </xf>
    <xf numFmtId="0" fontId="0" fillId="0" borderId="21" xfId="0" applyBorder="1" applyAlignment="1">
      <alignment horizontal="left" vertical="top" wrapText="1"/>
    </xf>
    <xf numFmtId="0" fontId="25" fillId="5" borderId="12" xfId="0" applyFont="1" applyFill="1" applyBorder="1" applyAlignment="1">
      <alignment horizontal="left" wrapText="1"/>
    </xf>
    <xf numFmtId="0" fontId="0" fillId="5" borderId="0" xfId="0" applyFill="1" applyAlignment="1">
      <alignment horizontal="left" wrapText="1"/>
    </xf>
    <xf numFmtId="0" fontId="0" fillId="0" borderId="3" xfId="0" applyBorder="1" applyAlignment="1">
      <alignment horizontal="left" vertical="top" wrapText="1"/>
    </xf>
    <xf numFmtId="0" fontId="13" fillId="3" borderId="8" xfId="0" applyFont="1" applyFill="1" applyBorder="1" applyAlignment="1">
      <alignment horizontal="center" wrapText="1"/>
    </xf>
    <xf numFmtId="0" fontId="13" fillId="3" borderId="5" xfId="0" applyFont="1" applyFill="1" applyBorder="1" applyAlignment="1">
      <alignment horizontal="center" wrapText="1"/>
    </xf>
    <xf numFmtId="0" fontId="12" fillId="3" borderId="1" xfId="0" applyFont="1" applyFill="1" applyBorder="1" applyAlignment="1">
      <alignment horizontal="center" wrapText="1"/>
    </xf>
    <xf numFmtId="0" fontId="30" fillId="0" borderId="0" xfId="0" applyFont="1" applyAlignment="1">
      <alignment horizontal="center" vertical="center" wrapText="1"/>
    </xf>
    <xf numFmtId="0" fontId="12" fillId="3" borderId="2" xfId="0" applyFont="1" applyFill="1" applyBorder="1" applyAlignment="1">
      <alignment horizontal="center" vertical="top" wrapText="1"/>
    </xf>
    <xf numFmtId="0" fontId="0" fillId="3" borderId="8" xfId="0" applyFill="1" applyBorder="1" applyAlignment="1">
      <alignment horizontal="center" wrapText="1"/>
    </xf>
    <xf numFmtId="0" fontId="0" fillId="3" borderId="5" xfId="0" applyFill="1" applyBorder="1" applyAlignment="1">
      <alignment horizontal="center" wrapText="1"/>
    </xf>
    <xf numFmtId="0" fontId="19" fillId="4" borderId="1" xfId="0" applyFont="1" applyFill="1" applyBorder="1" applyAlignment="1">
      <alignment horizontal="left" vertical="top" wrapText="1"/>
    </xf>
    <xf numFmtId="0" fontId="13" fillId="4" borderId="1" xfId="0" applyFont="1" applyFill="1" applyBorder="1" applyAlignment="1">
      <alignment horizontal="center" vertical="top" wrapText="1"/>
    </xf>
    <xf numFmtId="0" fontId="13" fillId="3" borderId="2" xfId="0" applyFont="1" applyFill="1" applyBorder="1" applyAlignment="1">
      <alignment horizontal="left" vertical="top" wrapText="1"/>
    </xf>
    <xf numFmtId="0" fontId="13" fillId="3" borderId="3" xfId="0" applyFont="1" applyFill="1" applyBorder="1" applyAlignment="1">
      <alignment horizontal="left" vertical="top" wrapText="1"/>
    </xf>
    <xf numFmtId="0" fontId="13" fillId="3" borderId="4" xfId="0" applyFont="1" applyFill="1" applyBorder="1" applyAlignment="1">
      <alignment horizontal="left" vertical="top" wrapText="1"/>
    </xf>
    <xf numFmtId="44" fontId="0" fillId="3" borderId="8" xfId="50" applyFont="1" applyFill="1" applyBorder="1" applyAlignment="1" applyProtection="1">
      <alignment horizontal="center" vertical="center"/>
      <protection locked="0"/>
    </xf>
    <xf numFmtId="44" fontId="0" fillId="3" borderId="5" xfId="50" applyFont="1" applyFill="1" applyBorder="1" applyAlignment="1" applyProtection="1">
      <alignment horizontal="center" vertical="center"/>
      <protection locked="0"/>
    </xf>
    <xf numFmtId="0" fontId="4" fillId="3" borderId="0" xfId="0" applyFont="1" applyFill="1" applyAlignment="1">
      <alignment horizontal="left" vertical="top" wrapText="1"/>
    </xf>
    <xf numFmtId="0" fontId="8" fillId="3" borderId="0" xfId="0" applyFont="1" applyFill="1" applyAlignment="1">
      <alignment horizontal="left" vertical="top" wrapText="1"/>
    </xf>
    <xf numFmtId="0" fontId="6" fillId="3" borderId="0" xfId="0" applyFont="1" applyFill="1" applyAlignment="1">
      <alignment horizontal="left" vertical="top" wrapText="1"/>
    </xf>
    <xf numFmtId="0" fontId="5" fillId="2" borderId="0" xfId="0" applyFont="1" applyFill="1" applyAlignment="1">
      <alignment horizontal="left" vertical="top" wrapText="1"/>
    </xf>
    <xf numFmtId="0" fontId="8" fillId="2" borderId="0" xfId="0" applyFont="1" applyFill="1" applyAlignment="1">
      <alignment horizontal="left" vertical="top" wrapText="1"/>
    </xf>
    <xf numFmtId="0" fontId="27" fillId="3" borderId="0" xfId="0" applyFont="1" applyFill="1" applyAlignment="1">
      <alignment horizontal="left" vertical="center"/>
    </xf>
    <xf numFmtId="0" fontId="27" fillId="3" borderId="0" xfId="0" applyFont="1" applyFill="1" applyAlignment="1">
      <alignment horizontal="left" vertical="top" wrapText="1"/>
    </xf>
    <xf numFmtId="0" fontId="27" fillId="3" borderId="0" xfId="0" applyFont="1" applyFill="1" applyAlignment="1">
      <alignment horizontal="left" vertical="center" wrapText="1"/>
    </xf>
    <xf numFmtId="0" fontId="3" fillId="3" borderId="0" xfId="0" applyFont="1" applyFill="1" applyAlignment="1">
      <alignment horizontal="left" vertical="top" wrapText="1"/>
    </xf>
    <xf numFmtId="0" fontId="2" fillId="3" borderId="0" xfId="0" applyFont="1" applyFill="1" applyAlignment="1">
      <alignment horizontal="left" vertical="top" wrapText="1"/>
    </xf>
    <xf numFmtId="0" fontId="29" fillId="7" borderId="3" xfId="0" applyFont="1" applyFill="1" applyBorder="1" applyAlignment="1">
      <alignment horizontal="left" vertical="center"/>
    </xf>
    <xf numFmtId="0" fontId="33" fillId="3" borderId="0" xfId="0" applyFont="1" applyFill="1" applyAlignment="1">
      <alignment horizontal="left" vertical="top" wrapText="1"/>
    </xf>
    <xf numFmtId="0" fontId="39" fillId="3" borderId="0" xfId="0" applyFont="1" applyFill="1" applyAlignment="1">
      <alignment horizontal="left" vertical="top" wrapText="1"/>
    </xf>
    <xf numFmtId="0" fontId="6" fillId="3" borderId="0" xfId="0" applyFont="1" applyFill="1" applyAlignment="1">
      <alignment horizontal="left" vertical="center"/>
    </xf>
    <xf numFmtId="0" fontId="8" fillId="3" borderId="0" xfId="0" applyFont="1" applyFill="1" applyAlignment="1">
      <alignment horizontal="left" vertical="center"/>
    </xf>
    <xf numFmtId="0" fontId="37" fillId="7" borderId="0" xfId="0" applyFont="1" applyFill="1" applyAlignment="1">
      <alignment horizontal="center" wrapText="1"/>
    </xf>
    <xf numFmtId="0" fontId="33" fillId="3" borderId="0" xfId="0" applyFont="1" applyFill="1" applyAlignment="1">
      <alignment horizontal="left" vertical="center" wrapText="1"/>
    </xf>
    <xf numFmtId="0" fontId="8" fillId="3" borderId="0" xfId="0" applyFont="1" applyFill="1" applyAlignment="1">
      <alignment horizontal="left" vertical="center" wrapText="1"/>
    </xf>
    <xf numFmtId="0" fontId="0" fillId="5" borderId="1" xfId="0" applyFill="1" applyBorder="1" applyAlignment="1">
      <alignment horizontal="left" vertical="top" wrapText="1"/>
    </xf>
    <xf numFmtId="0" fontId="12" fillId="3" borderId="7" xfId="0" applyFont="1" applyFill="1" applyBorder="1" applyAlignment="1">
      <alignment horizontal="center"/>
    </xf>
    <xf numFmtId="0" fontId="0" fillId="3" borderId="7" xfId="0" applyFill="1" applyBorder="1" applyAlignment="1">
      <alignment horizontal="left" vertical="top" wrapText="1"/>
    </xf>
    <xf numFmtId="0" fontId="0" fillId="3" borderId="7" xfId="0" applyFill="1" applyBorder="1" applyAlignment="1">
      <alignment horizontal="left" vertical="top"/>
    </xf>
    <xf numFmtId="0" fontId="40" fillId="3" borderId="3" xfId="0" applyFont="1" applyFill="1" applyBorder="1" applyAlignment="1">
      <alignment horizontal="left" vertical="top" wrapText="1"/>
    </xf>
    <xf numFmtId="0" fontId="0" fillId="5" borderId="8" xfId="0" applyFill="1" applyBorder="1"/>
    <xf numFmtId="0" fontId="0" fillId="5" borderId="15" xfId="0" applyFill="1" applyBorder="1"/>
    <xf numFmtId="0" fontId="0" fillId="5" borderId="5" xfId="0" applyFill="1" applyBorder="1"/>
    <xf numFmtId="0" fontId="12" fillId="3" borderId="7" xfId="0" applyFont="1" applyFill="1" applyBorder="1" applyAlignment="1">
      <alignment horizontal="center" wrapText="1"/>
    </xf>
    <xf numFmtId="0" fontId="0" fillId="0" borderId="7" xfId="0" applyBorder="1" applyAlignment="1">
      <alignment horizontal="center"/>
    </xf>
    <xf numFmtId="0" fontId="12" fillId="3" borderId="0" xfId="0" applyFont="1" applyFill="1" applyAlignment="1">
      <alignment horizontal="center" wrapText="1"/>
    </xf>
  </cellXfs>
  <cellStyles count="53">
    <cellStyle name="Comma 2" xfId="46" xr:uid="{CCFD9E83-1F1F-47F7-882B-1E885F0B9266}"/>
    <cellStyle name="Currency" xfId="50" builtinId="4"/>
    <cellStyle name="Currency 2" xfId="49" xr:uid="{510ED0B6-228A-460D-9198-C2885D089C77}"/>
    <cellStyle name="Followed Hyperlink" xfId="2" builtinId="9" hidden="1"/>
    <cellStyle name="Followed Hyperlink" xfId="4" builtinId="9" hidden="1"/>
    <cellStyle name="Followed Hyperlink" xfId="6" builtinId="9" hidden="1"/>
    <cellStyle name="Followed Hyperlink" xfId="8" builtinId="9" hidden="1"/>
    <cellStyle name="Followed Hyperlink" xfId="10" builtinId="9" hidden="1"/>
    <cellStyle name="Followed Hyperlink" xfId="12" builtinId="9" hidden="1"/>
    <cellStyle name="Followed Hyperlink" xfId="14" builtinId="9" hidden="1"/>
    <cellStyle name="Followed Hyperlink" xfId="16" builtinId="9" hidden="1"/>
    <cellStyle name="Followed Hyperlink" xfId="18" builtinId="9" hidden="1"/>
    <cellStyle name="Followed Hyperlink" xfId="20" builtinId="9" hidden="1"/>
    <cellStyle name="Followed Hyperlink" xfId="22" builtinId="9" hidden="1"/>
    <cellStyle name="Followed Hyperlink" xfId="24" builtinId="9" hidden="1"/>
    <cellStyle name="Followed Hyperlink" xfId="26" builtinId="9" hidden="1"/>
    <cellStyle name="Followed Hyperlink" xfId="28" builtinId="9" hidden="1"/>
    <cellStyle name="Followed Hyperlink" xfId="30" builtinId="9" hidden="1"/>
    <cellStyle name="Followed Hyperlink" xfId="32" builtinId="9" hidden="1"/>
    <cellStyle name="Followed Hyperlink" xfId="34" builtinId="9" hidden="1"/>
    <cellStyle name="Followed Hyperlink" xfId="36" builtinId="9" hidden="1"/>
    <cellStyle name="Followed Hyperlink" xfId="38" builtinId="9" hidden="1"/>
    <cellStyle name="Followed Hyperlink" xfId="40" builtinId="9" hidden="1"/>
    <cellStyle name="Followed Hyperlink" xfId="42" builtinId="9" hidden="1"/>
    <cellStyle name="Followed Hyperlink" xfId="44" builtinId="9" hidden="1"/>
    <cellStyle name="Hyperlink" xfId="1" builtinId="8" hidden="1"/>
    <cellStyle name="Hyperlink" xfId="3" builtinId="8" hidden="1"/>
    <cellStyle name="Hyperlink" xfId="5" builtinId="8" hidden="1"/>
    <cellStyle name="Hyperlink" xfId="7" builtinId="8" hidden="1"/>
    <cellStyle name="Hyperlink" xfId="9" builtinId="8" hidden="1"/>
    <cellStyle name="Hyperlink" xfId="11" builtinId="8" hidden="1"/>
    <cellStyle name="Hyperlink" xfId="13" builtinId="8" hidden="1"/>
    <cellStyle name="Hyperlink" xfId="15" builtinId="8" hidden="1"/>
    <cellStyle name="Hyperlink" xfId="17" builtinId="8" hidden="1"/>
    <cellStyle name="Hyperlink" xfId="19" builtinId="8" hidden="1"/>
    <cellStyle name="Hyperlink" xfId="21" builtinId="8" hidden="1"/>
    <cellStyle name="Hyperlink" xfId="23" builtinId="8" hidden="1"/>
    <cellStyle name="Hyperlink" xfId="25" builtinId="8" hidden="1"/>
    <cellStyle name="Hyperlink" xfId="27" builtinId="8" hidden="1"/>
    <cellStyle name="Hyperlink" xfId="29" builtinId="8" hidden="1"/>
    <cellStyle name="Hyperlink" xfId="31" builtinId="8" hidden="1"/>
    <cellStyle name="Hyperlink" xfId="33" builtinId="8" hidden="1"/>
    <cellStyle name="Hyperlink" xfId="35" builtinId="8" hidden="1"/>
    <cellStyle name="Hyperlink" xfId="37" builtinId="8" hidden="1"/>
    <cellStyle name="Hyperlink" xfId="39" builtinId="8" hidden="1"/>
    <cellStyle name="Hyperlink" xfId="41" builtinId="8" hidden="1"/>
    <cellStyle name="Hyperlink" xfId="43" builtinId="8" hidden="1"/>
    <cellStyle name="Hyperlink" xfId="51" builtinId="8"/>
    <cellStyle name="Normal" xfId="0" builtinId="0"/>
    <cellStyle name="Normal 2" xfId="47" xr:uid="{0A39035B-C758-4960-887C-81FF281E5615}"/>
    <cellStyle name="Normal 3" xfId="48" xr:uid="{B7944F64-964B-4CB9-A660-00C727355658}"/>
    <cellStyle name="Normal 4" xfId="45" xr:uid="{81F6353F-8B1B-4178-B425-480266F33AD9}"/>
    <cellStyle name="Percent" xfId="52" builtinId="5"/>
  </cellStyles>
  <dxfs count="127">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numFmt numFmtId="34" formatCode="_-&quot;$&quot;* #,##0.00_-;\-&quot;$&quot;* #,##0.00_-;_-&quot;$&quot;* &quot;-&quot;??_-;_-@_-"/>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numFmt numFmtId="6" formatCode="#,##0;[Red]\-#,##0"/>
    </dxf>
    <dxf>
      <numFmt numFmtId="6" formatCode="#,##0;[Red]\-#,##0"/>
    </dxf>
    <dxf>
      <alignment horizontal="left" vertical="bottom" textRotation="0" wrapText="0" indent="2" justifyLastLine="0" shrinkToFit="0" readingOrder="0"/>
    </dxf>
    <dxf>
      <alignment horizontal="left" vertical="bottom" textRotation="0" wrapText="0" indent="2" justifyLastLine="0" shrinkToFit="0" readingOrder="0"/>
    </dxf>
    <dxf>
      <alignment horizontal="left" vertical="bottom" textRotation="0" wrapText="0" indent="2" justifyLastLine="0" shrinkToFit="0" readingOrder="0"/>
    </dxf>
    <dxf>
      <alignment horizontal="left" vertical="bottom" textRotation="0" wrapText="0" indent="2" justifyLastLine="0" shrinkToFit="0" readingOrder="0"/>
    </dxf>
    <dxf>
      <font>
        <b/>
        <i val="0"/>
        <strike val="0"/>
        <condense val="0"/>
        <extend val="0"/>
        <outline val="0"/>
        <shadow val="0"/>
        <u val="none"/>
        <vertAlign val="baseline"/>
        <sz val="11"/>
        <color theme="1"/>
        <name val="Calibri"/>
        <family val="2"/>
        <scheme val="minor"/>
      </font>
      <alignment horizontal="left" vertical="bottom" textRotation="0" wrapText="0" indent="1" justifyLastLine="0" shrinkToFit="0" readingOrder="0"/>
    </dxf>
    <dxf>
      <font>
        <b/>
        <i val="0"/>
        <strike val="0"/>
        <condense val="0"/>
        <extend val="0"/>
        <outline val="0"/>
        <shadow val="0"/>
        <u val="none"/>
        <vertAlign val="baseline"/>
        <sz val="11"/>
        <color theme="1"/>
        <name val="Calibri"/>
        <family val="2"/>
        <scheme val="minor"/>
      </font>
      <alignment horizontal="left" vertical="bottom" textRotation="0" wrapText="0" indent="1" justifyLastLine="0" shrinkToFit="0" readingOrder="0"/>
      <border diagonalUp="0" diagonalDown="0">
        <left/>
        <right/>
        <top/>
        <bottom style="thin">
          <color theme="4" tint="0.39997558519241921"/>
        </bottom>
        <vertical/>
        <horizontal/>
      </border>
    </dxf>
    <dxf>
      <alignment horizontal="left" vertical="bottom" textRotation="0" wrapText="0" indent="1" justifyLastLine="0" shrinkToFit="0" readingOrder="0"/>
    </dxf>
    <dxf>
      <alignment horizontal="left" vertical="bottom" textRotation="0" wrapText="0" indent="1" justifyLastLine="0" shrinkToFit="0" readingOrder="0"/>
    </dxf>
    <dxf>
      <alignment horizontal="general" vertical="top" textRotation="0" wrapText="0" indent="0" justifyLastLine="0" shrinkToFit="0" readingOrder="0"/>
    </dxf>
    <dxf>
      <alignment horizontal="general" vertical="top" textRotation="0" wrapText="0" indent="0" justifyLastLine="0" shrinkToFit="0" readingOrder="0"/>
    </dxf>
    <dxf>
      <alignment horizontal="general" vertical="top" textRotation="0" wrapText="1" indent="0" justifyLastLine="0" shrinkToFit="0" readingOrder="0"/>
    </dxf>
    <dxf>
      <font>
        <b/>
        <i val="0"/>
        <strike val="0"/>
        <condense val="0"/>
        <extend val="0"/>
        <outline val="0"/>
        <shadow val="0"/>
        <u val="none"/>
        <vertAlign val="baseline"/>
        <sz val="11"/>
        <color theme="1"/>
        <name val="Calibri"/>
        <family val="2"/>
        <scheme val="minor"/>
      </font>
      <alignment horizontal="left" vertical="bottom" textRotation="0" wrapText="0" indent="1" justifyLastLine="0" shrinkToFit="0" readingOrder="0"/>
      <border diagonalUp="0" diagonalDown="0">
        <left/>
        <right/>
        <top/>
        <bottom style="thin">
          <color theme="4" tint="0.39997558519241921"/>
        </bottom>
        <vertical/>
        <horizontal/>
      </border>
    </dxf>
    <dxf>
      <alignment horizontal="left" vertical="bottom" textRotation="0" wrapText="0" indent="1" justifyLastLine="0" shrinkToFit="0" readingOrder="0"/>
    </dxf>
    <dxf>
      <border outline="0">
        <bottom style="thin">
          <color auto="1"/>
        </bottom>
      </border>
    </dxf>
    <dxf>
      <font>
        <b/>
        <i val="0"/>
        <strike val="0"/>
        <condense val="0"/>
        <extend val="0"/>
        <outline val="0"/>
        <shadow val="0"/>
        <u val="none"/>
        <vertAlign val="baseline"/>
        <sz val="11"/>
        <color theme="1"/>
        <name val="Calibri"/>
        <family val="2"/>
        <scheme val="minor"/>
      </font>
      <fill>
        <patternFill patternType="solid">
          <fgColor indexed="64"/>
          <bgColor theme="4" tint="0.79998168889431442"/>
        </patternFill>
      </fill>
      <alignment horizontal="general" vertical="top" textRotation="0" wrapText="1" indent="0" justifyLastLine="0" shrinkToFit="0" readingOrder="0"/>
    </dxf>
  </dxfs>
  <tableStyles count="0" defaultTableStyle="TableStyleMedium9" defaultPivotStyle="PivotStyleMedium7"/>
  <colors>
    <mruColors>
      <color rgb="FFD9E1F2"/>
      <color rgb="FFFFFFCC"/>
      <color rgb="FFB4C6E7"/>
      <color rgb="FFFF3300"/>
      <color rgb="FFD9F2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eetMetadata" Target="metadata.xml"/><Relationship Id="rId4" Type="http://schemas.openxmlformats.org/officeDocument/2006/relationships/worksheet" Target="worksheets/sheet4.xml"/><Relationship Id="rId9" Type="http://schemas.openxmlformats.org/officeDocument/2006/relationships/sharedStrings" Target="sharedStrings.xml"/><Relationship Id="rId14" Type="http://schemas.openxmlformats.org/officeDocument/2006/relationships/customXml" Target="../customXml/item3.xml"/></Relationships>
</file>

<file path=xl/drawings/drawing1.xml><?xml version="1.0" encoding="utf-8"?>
<xdr:wsDr xmlns:xdr="http://schemas.openxmlformats.org/drawingml/2006/spreadsheetDrawing" xmlns:a="http://schemas.openxmlformats.org/drawingml/2006/main">
  <xdr:twoCellAnchor>
    <xdr:from>
      <xdr:col>4</xdr:col>
      <xdr:colOff>62987</xdr:colOff>
      <xdr:row>48</xdr:row>
      <xdr:rowOff>38522</xdr:rowOff>
    </xdr:from>
    <xdr:to>
      <xdr:col>4</xdr:col>
      <xdr:colOff>386777</xdr:colOff>
      <xdr:row>49</xdr:row>
      <xdr:rowOff>30874</xdr:rowOff>
    </xdr:to>
    <xdr:sp macro="" textlink="">
      <xdr:nvSpPr>
        <xdr:cNvPr id="2" name="Rectangle 1">
          <a:extLst>
            <a:ext uri="{FF2B5EF4-FFF2-40B4-BE49-F238E27FC236}">
              <a16:creationId xmlns:a16="http://schemas.microsoft.com/office/drawing/2014/main" id="{C479A017-65CB-ED8F-477F-D1234AD8AFC5}"/>
            </a:ext>
          </a:extLst>
        </xdr:cNvPr>
        <xdr:cNvSpPr/>
      </xdr:nvSpPr>
      <xdr:spPr>
        <a:xfrm>
          <a:off x="6989023" y="23497236"/>
          <a:ext cx="323790" cy="264495"/>
        </a:xfrm>
        <a:prstGeom prst="rect">
          <a:avLst/>
        </a:prstGeom>
        <a:noFill/>
        <a:ln w="19050"/>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clientData/>
  </xdr:twoCellAnchor>
  <xdr:oneCellAnchor>
    <xdr:from>
      <xdr:col>4</xdr:col>
      <xdr:colOff>421821</xdr:colOff>
      <xdr:row>48</xdr:row>
      <xdr:rowOff>35380</xdr:rowOff>
    </xdr:from>
    <xdr:ext cx="2562176" cy="280205"/>
    <xdr:sp macro="" textlink="">
      <xdr:nvSpPr>
        <xdr:cNvPr id="4" name="TextBox 3">
          <a:extLst>
            <a:ext uri="{FF2B5EF4-FFF2-40B4-BE49-F238E27FC236}">
              <a16:creationId xmlns:a16="http://schemas.microsoft.com/office/drawing/2014/main" id="{511B0062-A879-457F-1DDF-06D21F49524C}"/>
            </a:ext>
          </a:extLst>
        </xdr:cNvPr>
        <xdr:cNvSpPr txBox="1"/>
      </xdr:nvSpPr>
      <xdr:spPr>
        <a:xfrm>
          <a:off x="7347857" y="23494094"/>
          <a:ext cx="2562176" cy="28020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200" b="1"/>
            <a:t>Chief of the First Nation (or delegate</a:t>
          </a:r>
          <a:r>
            <a:rPr lang="en-US" sz="1100" b="1"/>
            <a:t>)</a:t>
          </a:r>
        </a:p>
      </xdr:txBody>
    </xdr:sp>
    <xdr:clientData/>
  </xdr:oneCellAnchor>
  <xdr:twoCellAnchor>
    <xdr:from>
      <xdr:col>4</xdr:col>
      <xdr:colOff>59177</xdr:colOff>
      <xdr:row>50</xdr:row>
      <xdr:rowOff>186290</xdr:rowOff>
    </xdr:from>
    <xdr:to>
      <xdr:col>4</xdr:col>
      <xdr:colOff>396302</xdr:colOff>
      <xdr:row>51</xdr:row>
      <xdr:rowOff>233343</xdr:rowOff>
    </xdr:to>
    <xdr:sp macro="" textlink="">
      <xdr:nvSpPr>
        <xdr:cNvPr id="5" name="Rectangle 4">
          <a:extLst>
            <a:ext uri="{FF2B5EF4-FFF2-40B4-BE49-F238E27FC236}">
              <a16:creationId xmlns:a16="http://schemas.microsoft.com/office/drawing/2014/main" id="{0FA1E3C8-F812-4043-B72D-05346BD75C13}"/>
            </a:ext>
          </a:extLst>
        </xdr:cNvPr>
        <xdr:cNvSpPr/>
      </xdr:nvSpPr>
      <xdr:spPr>
        <a:xfrm>
          <a:off x="6985213" y="24121254"/>
          <a:ext cx="337125" cy="251160"/>
        </a:xfrm>
        <a:prstGeom prst="rect">
          <a:avLst/>
        </a:prstGeom>
        <a:noFill/>
        <a:ln w="19050"/>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clientData/>
  </xdr:twoCellAnchor>
  <xdr:oneCellAnchor>
    <xdr:from>
      <xdr:col>4</xdr:col>
      <xdr:colOff>438151</xdr:colOff>
      <xdr:row>50</xdr:row>
      <xdr:rowOff>183695</xdr:rowOff>
    </xdr:from>
    <xdr:ext cx="1792157" cy="280205"/>
    <xdr:sp macro="" textlink="">
      <xdr:nvSpPr>
        <xdr:cNvPr id="6" name="TextBox 5">
          <a:extLst>
            <a:ext uri="{FF2B5EF4-FFF2-40B4-BE49-F238E27FC236}">
              <a16:creationId xmlns:a16="http://schemas.microsoft.com/office/drawing/2014/main" id="{6BEE1609-1D69-4F98-BB58-60AB04460C97}"/>
            </a:ext>
          </a:extLst>
        </xdr:cNvPr>
        <xdr:cNvSpPr txBox="1"/>
      </xdr:nvSpPr>
      <xdr:spPr>
        <a:xfrm>
          <a:off x="7364187" y="24118659"/>
          <a:ext cx="1792157" cy="28020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200" b="1"/>
            <a:t>Board</a:t>
          </a:r>
          <a:r>
            <a:rPr lang="en-US" sz="1200" b="1" baseline="0"/>
            <a:t> Chair</a:t>
          </a:r>
          <a:r>
            <a:rPr lang="en-US" sz="1200" b="1"/>
            <a:t> (or delegate)</a:t>
          </a: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4</xdr:col>
      <xdr:colOff>62987</xdr:colOff>
      <xdr:row>48</xdr:row>
      <xdr:rowOff>38522</xdr:rowOff>
    </xdr:from>
    <xdr:to>
      <xdr:col>4</xdr:col>
      <xdr:colOff>386777</xdr:colOff>
      <xdr:row>49</xdr:row>
      <xdr:rowOff>30874</xdr:rowOff>
    </xdr:to>
    <xdr:sp macro="" textlink="">
      <xdr:nvSpPr>
        <xdr:cNvPr id="2" name="Rectangle 1">
          <a:extLst>
            <a:ext uri="{FF2B5EF4-FFF2-40B4-BE49-F238E27FC236}">
              <a16:creationId xmlns:a16="http://schemas.microsoft.com/office/drawing/2014/main" id="{F868158A-B7BB-4E37-B362-70821E38724B}"/>
            </a:ext>
          </a:extLst>
        </xdr:cNvPr>
        <xdr:cNvSpPr/>
      </xdr:nvSpPr>
      <xdr:spPr>
        <a:xfrm>
          <a:off x="8517377" y="23136647"/>
          <a:ext cx="329505" cy="266672"/>
        </a:xfrm>
        <a:prstGeom prst="rect">
          <a:avLst/>
        </a:prstGeom>
        <a:noFill/>
        <a:ln w="19050"/>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clientData/>
  </xdr:twoCellAnchor>
  <xdr:oneCellAnchor>
    <xdr:from>
      <xdr:col>4</xdr:col>
      <xdr:colOff>421821</xdr:colOff>
      <xdr:row>48</xdr:row>
      <xdr:rowOff>35380</xdr:rowOff>
    </xdr:from>
    <xdr:ext cx="2562176" cy="280205"/>
    <xdr:sp macro="" textlink="">
      <xdr:nvSpPr>
        <xdr:cNvPr id="3" name="TextBox 2">
          <a:extLst>
            <a:ext uri="{FF2B5EF4-FFF2-40B4-BE49-F238E27FC236}">
              <a16:creationId xmlns:a16="http://schemas.microsoft.com/office/drawing/2014/main" id="{8A2C01B8-4367-425F-9ACF-A98397378ABF}"/>
            </a:ext>
          </a:extLst>
        </xdr:cNvPr>
        <xdr:cNvSpPr txBox="1"/>
      </xdr:nvSpPr>
      <xdr:spPr>
        <a:xfrm>
          <a:off x="8880021" y="23133505"/>
          <a:ext cx="2562176" cy="28020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200" b="1"/>
            <a:t>Chief of the First Nation (or delegate</a:t>
          </a:r>
          <a:r>
            <a:rPr lang="en-US" sz="1100" b="1"/>
            <a:t>)</a:t>
          </a:r>
        </a:p>
      </xdr:txBody>
    </xdr:sp>
    <xdr:clientData/>
  </xdr:oneCellAnchor>
  <xdr:twoCellAnchor>
    <xdr:from>
      <xdr:col>4</xdr:col>
      <xdr:colOff>59177</xdr:colOff>
      <xdr:row>50</xdr:row>
      <xdr:rowOff>186290</xdr:rowOff>
    </xdr:from>
    <xdr:to>
      <xdr:col>4</xdr:col>
      <xdr:colOff>396302</xdr:colOff>
      <xdr:row>51</xdr:row>
      <xdr:rowOff>233343</xdr:rowOff>
    </xdr:to>
    <xdr:sp macro="" textlink="">
      <xdr:nvSpPr>
        <xdr:cNvPr id="4" name="Rectangle 3">
          <a:extLst>
            <a:ext uri="{FF2B5EF4-FFF2-40B4-BE49-F238E27FC236}">
              <a16:creationId xmlns:a16="http://schemas.microsoft.com/office/drawing/2014/main" id="{6A3B9296-2F94-4630-BCFF-CDFC0C07FBD6}"/>
            </a:ext>
          </a:extLst>
        </xdr:cNvPr>
        <xdr:cNvSpPr/>
      </xdr:nvSpPr>
      <xdr:spPr>
        <a:xfrm>
          <a:off x="8513567" y="23758760"/>
          <a:ext cx="344745" cy="250888"/>
        </a:xfrm>
        <a:prstGeom prst="rect">
          <a:avLst/>
        </a:prstGeom>
        <a:noFill/>
        <a:ln w="19050"/>
      </xdr:spPr>
      <xdr:style>
        <a:lnRef idx="2">
          <a:schemeClr val="accent1">
            <a:shade val="15000"/>
          </a:schemeClr>
        </a:lnRef>
        <a:fillRef idx="1">
          <a:schemeClr val="accent1"/>
        </a:fillRef>
        <a:effectRef idx="0">
          <a:schemeClr val="accent1"/>
        </a:effectRef>
        <a:fontRef idx="minor">
          <a:schemeClr val="lt1"/>
        </a:fontRef>
      </xdr:style>
      <xdr:txBody>
        <a:bodyPr vertOverflow="clip" horzOverflow="clip" rtlCol="0" anchor="t"/>
        <a:lstStyle/>
        <a:p>
          <a:pPr algn="l"/>
          <a:endParaRPr lang="en-US" sz="1100"/>
        </a:p>
      </xdr:txBody>
    </xdr:sp>
    <xdr:clientData/>
  </xdr:twoCellAnchor>
  <xdr:oneCellAnchor>
    <xdr:from>
      <xdr:col>4</xdr:col>
      <xdr:colOff>438151</xdr:colOff>
      <xdr:row>50</xdr:row>
      <xdr:rowOff>183695</xdr:rowOff>
    </xdr:from>
    <xdr:ext cx="1792157" cy="280205"/>
    <xdr:sp macro="" textlink="">
      <xdr:nvSpPr>
        <xdr:cNvPr id="5" name="TextBox 4">
          <a:extLst>
            <a:ext uri="{FF2B5EF4-FFF2-40B4-BE49-F238E27FC236}">
              <a16:creationId xmlns:a16="http://schemas.microsoft.com/office/drawing/2014/main" id="{640960E6-A0C3-4A1E-BFF2-9318F72ED792}"/>
            </a:ext>
          </a:extLst>
        </xdr:cNvPr>
        <xdr:cNvSpPr txBox="1"/>
      </xdr:nvSpPr>
      <xdr:spPr>
        <a:xfrm>
          <a:off x="8892541" y="23756165"/>
          <a:ext cx="1792157" cy="28020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200" b="1"/>
            <a:t>Board</a:t>
          </a:r>
          <a:r>
            <a:rPr lang="en-US" sz="1200" b="1" baseline="0"/>
            <a:t> Chair</a:t>
          </a:r>
          <a:r>
            <a:rPr lang="en-US" sz="1200" b="1"/>
            <a:t> (or delegate)</a:t>
          </a:r>
        </a:p>
      </xdr:txBody>
    </xdr:sp>
    <xdr:clientData/>
  </xdr:oneCellAnchor>
</xdr:wsDr>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DC967A80-5113-4EB4-B872-2A97B1A4E7E0}" name="Table2" displayName="Table2" ref="A1:B240" totalsRowShown="0" headerRowDxfId="126" headerRowBorderDxfId="125">
  <autoFilter ref="A1:B240" xr:uid="{DC967A80-5113-4EB4-B872-2A97B1A4E7E0}"/>
  <tableColumns count="2">
    <tableColumn id="1" xr3:uid="{DF7BB753-25E6-49D7-B3F7-FDF3BC905575}" name="SD Name" dataDxfId="124"/>
    <tableColumn id="2" xr3:uid="{06A24A13-282D-403F-A88A-F22A95B22212}" name="SD#" dataDxfId="123"/>
  </tableColumns>
  <tableStyleInfo name="TableStyleMedium9"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2" xr:uid="{34C2A110-7AD2-4892-A9CA-85DC2C19D1E7}" name="Table4" displayName="Table4" ref="D1:E239" totalsRowShown="0" headerRowDxfId="122">
  <autoFilter ref="D1:E239" xr:uid="{34C2A110-7AD2-4892-A9CA-85DC2C19D1E7}"/>
  <tableColumns count="2">
    <tableColumn id="1" xr3:uid="{B21E5271-6059-4725-B1B3-41928AFA9388}" name="Band Name"/>
    <tableColumn id="2" xr3:uid="{A72F0E88-D1F3-4183-9389-A75C4B328FAF}" name="Band # "/>
  </tableColumns>
  <tableStyleInfo name="TableStyleMedium9" showFirstColumn="0" showLastColumn="0" showRowStripes="1" showColumnStripes="0"/>
</table>
</file>

<file path=xl/tables/table3.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3" xr:uid="{D0BBB273-26D6-4A02-A895-5F287CFBFF72}" name="Table5" displayName="Table5" ref="G1:BN241" totalsRowCount="1" headerRowDxfId="121" dataDxfId="120">
  <autoFilter ref="G1:BN240" xr:uid="{D0BBB273-26D6-4A02-A895-5F287CFBFF72}"/>
  <tableColumns count="60">
    <tableColumn id="1" xr3:uid="{D29FD9D3-FFEA-475D-86F9-86779188102C}" name="SD Name" dataDxfId="119" totalsRowDxfId="118"/>
    <tableColumn id="2" xr3:uid="{67C34CC1-ED5C-4F3C-8221-FDBC632A49AB}" name="SD#" dataDxfId="117" totalsRowDxfId="116"/>
    <tableColumn id="3" xr3:uid="{8309BBDC-2EB5-436B-A6E5-23B5315C0E98}" name="Band Name" dataDxfId="115" totalsRowDxfId="114"/>
    <tableColumn id="4" xr3:uid="{4B4B9A20-122B-485F-9894-F47D0033C1E4}" name="Band" dataDxfId="113" totalsRowDxfId="112"/>
    <tableColumn id="5" xr3:uid="{415C975D-B076-47E1-9205-4A6409EEEF84}" name="Nominal Roll" totalsRowFunction="custom" dataDxfId="111" totalsRowDxfId="110">
      <totalsRowFormula>SUM(Table5[Nominal Roll])</totalsRowFormula>
    </tableColumn>
    <tableColumn id="6" xr3:uid="{4051D60C-7F50-431C-AE1E-7C1AA3103FA7}" name="SD #" dataDxfId="109" totalsRowDxfId="108"/>
    <tableColumn id="7" xr3:uid="{D94C3AFA-F505-4E7D-8DBF-D3993B8FD821}" name="First Nation Name" dataDxfId="107" totalsRowDxfId="106"/>
    <tableColumn id="8" xr3:uid="{FEA41EC0-CE74-4DE6-8D01-C0B89E19E7B1}" name="Number of Students Requiring transportation" dataDxfId="105" totalsRowDxfId="104"/>
    <tableColumn id="9" xr3:uid="{FF8A3105-D488-41E8-9A65-47632A6FC5C2}" name="Joint Plan type" dataDxfId="103" totalsRowDxfId="102"/>
    <tableColumn id="10" xr3:uid="{17C98A7F-4675-460D-BBE2-CAD596CE48A8}" name="Estimated student travel distance to school (KMs) one way Line 1" dataDxfId="101" totalsRowDxfId="100"/>
    <tableColumn id="11" xr3:uid="{58BE589A-351F-40AB-998C-6B34C4E33A5E}" name="Estimated student travel distance to school (KMs) one way Line 2" dataDxfId="99" totalsRowDxfId="98"/>
    <tableColumn id="12" xr3:uid="{4884CF7F-0C3F-42F5-9D8E-7B6EDBA1BAC4}" name="Estimated student travel distance to school (KMs) one way Line 3" dataDxfId="97" totalsRowDxfId="96"/>
    <tableColumn id="13" xr3:uid="{C232634B-91BD-49CE-8D68-310C97BB7D25}" name="Estimated student travel distance to school (KMs) one way Line 4" dataDxfId="95" totalsRowDxfId="94"/>
    <tableColumn id="14" xr3:uid="{66F5AB34-D5AA-4BB1-B6AA-A1D5BCEE4919}" name="Estimated student travel distance to school (KMs) one way Line 5" dataDxfId="93" totalsRowDxfId="92"/>
    <tableColumn id="15" xr3:uid="{29C551A0-E399-4F55-AC98-10F5D9D2B4A3}" name="Estimated student travel distance to school (KMs) one way Line 6" dataDxfId="91" totalsRowDxfId="90"/>
    <tableColumn id="16" xr3:uid="{84CE857D-BBF8-4F67-8AEA-5F5D72061EEB}" name="Estimated student travel distance to school (KMs) one way Line 7" dataDxfId="89" totalsRowDxfId="88"/>
    <tableColumn id="17" xr3:uid="{0A195648-D8ED-4DF2-BCB6-A65225ECDAF9}" name="Estimated student travel distance to school (KMs) one way Line 8" dataDxfId="87" totalsRowDxfId="86"/>
    <tableColumn id="18" xr3:uid="{B07A445F-D400-4B59-A5E1-A3F5C4342E0D}" name="Transportation Service Category Line 1" dataDxfId="85" totalsRowDxfId="84"/>
    <tableColumn id="19" xr3:uid="{0D07419D-F130-48FC-815B-DFF0B5C9B96F}" name="Transportation Service Category Line 2" dataDxfId="83" totalsRowDxfId="82"/>
    <tableColumn id="20" xr3:uid="{7575A95E-2E36-49FD-A8F6-312D2E27DA29}" name="Transportation Service Category Line 3" dataDxfId="81" totalsRowDxfId="80"/>
    <tableColumn id="21" xr3:uid="{A8987588-EF04-435D-8E2A-2593026CC328}" name="Transportation Service Category Line 4" dataDxfId="79" totalsRowDxfId="78"/>
    <tableColumn id="22" xr3:uid="{7EA5D262-D55F-4651-B821-6D23A73C5622}" name="Transportation Service Category Line 5" dataDxfId="77" totalsRowDxfId="76"/>
    <tableColumn id="23" xr3:uid="{30F4C960-4EF6-49F4-853F-0F935897A85F}" name="Transportation Service Category Line 6" dataDxfId="75" totalsRowDxfId="74"/>
    <tableColumn id="24" xr3:uid="{8CF3A58E-2725-4CB5-9B98-427559CB54BA}" name="Transportation Service Category Line 7" dataDxfId="73" totalsRowDxfId="72"/>
    <tableColumn id="25" xr3:uid="{2E9DBB17-9594-49E4-812D-5E5B6631758C}" name="Transportation Service Category Line 8" dataDxfId="71" totalsRowDxfId="70"/>
    <tableColumn id="26" xr3:uid="{950CBEF9-DE9D-4CEF-BCFA-778229FB48CC}" name="Services Provided by School District Line 1" dataDxfId="69" totalsRowDxfId="68"/>
    <tableColumn id="27" xr3:uid="{9FBE751F-153C-4504-8A1A-D3FB248AB0D3}" name="Services Provided by School District Line 2" dataDxfId="67" totalsRowDxfId="66"/>
    <tableColumn id="28" xr3:uid="{64765A41-7197-4B19-A956-2553F01F0E65}" name="Services Provided by School District Line 3" dataDxfId="65" totalsRowDxfId="64"/>
    <tableColumn id="29" xr3:uid="{51F3A3AC-DF1D-4B0D-A0B5-829DB169E483}" name="Services Provided by School District Line 4" dataDxfId="63" totalsRowDxfId="62"/>
    <tableColumn id="30" xr3:uid="{9566FD3C-A4FC-4563-ACD2-ACBD44DCE825}" name="Services Provided by School District Line 5" dataDxfId="61" totalsRowDxfId="60"/>
    <tableColumn id="31" xr3:uid="{1AA6BD45-CE38-4BEF-8DFC-F785F947FE23}" name="Services Provided by School District Line 6" dataDxfId="59" totalsRowDxfId="58"/>
    <tableColumn id="32" xr3:uid="{18C6DE2A-0BC0-404B-8273-C66A33AE42E6}" name="Services Provided by School District Line 7" dataDxfId="57" totalsRowDxfId="56"/>
    <tableColumn id="33" xr3:uid="{67FDA1D3-4F21-4B8C-B8BD-97AC2DACABB0}" name="Services Provided by School District Line 8" dataDxfId="55" totalsRowDxfId="54"/>
    <tableColumn id="34" xr3:uid="{76DBA1FE-C6E7-49B4-911D-28164EB2D1BA}" name="Cost of Services Provided by School District Line 1" dataDxfId="53" totalsRowDxfId="52"/>
    <tableColumn id="35" xr3:uid="{9CF3B0BD-A5A2-4CA1-80D1-9A64D8BD9DD2}" name="Cost of Services Provided by School District Line 2" dataDxfId="51" totalsRowDxfId="50"/>
    <tableColumn id="36" xr3:uid="{66F2BCAC-5F08-4E7E-BAAB-CED1A0D384B5}" name="Cost of Services Provided by School District Line 3" dataDxfId="49" totalsRowDxfId="48"/>
    <tableColumn id="37" xr3:uid="{CC2C8452-74BC-4994-9524-EC0130A0A525}" name="Cost of Services Provided by School District Line 4" dataDxfId="47" totalsRowDxfId="46"/>
    <tableColumn id="38" xr3:uid="{17A53DD8-0938-4EF6-AF50-CA59425FB04B}" name="Cost of Services Provided by School District Line 5" dataDxfId="45" totalsRowDxfId="44"/>
    <tableColumn id="39" xr3:uid="{332CD5D8-E1C3-42A5-8C26-6DE5B174F4D2}" name="Cost of Services Provided by School District Line 6" dataDxfId="43" totalsRowDxfId="42"/>
    <tableColumn id="40" xr3:uid="{994F1B66-8E73-47B5-80E4-84345F7CE19D}" name="Cost of Services Provided by School District Line 7" dataDxfId="41" totalsRowDxfId="40"/>
    <tableColumn id="41" xr3:uid="{732A4945-67B7-46C8-92EC-9B80C9479B83}" name="Cost of Services Provided by School District Line 8" dataDxfId="39" totalsRowDxfId="38"/>
    <tableColumn id="42" xr3:uid="{91300899-481E-4EDE-A83B-3DDB2FF6B7FA}" name="BCTEA Request Description Line 1" dataDxfId="37" totalsRowDxfId="36"/>
    <tableColumn id="43" xr3:uid="{56DFFC49-7A4D-4AA1-A8FF-BC069E9A9F66}" name="BCTEA Request Description Line 2" dataDxfId="35" totalsRowDxfId="34"/>
    <tableColumn id="44" xr3:uid="{5F84AE18-E980-4107-B760-5877C9879495}" name="BCTEA Request Description Line 3" dataDxfId="33" totalsRowDxfId="32"/>
    <tableColumn id="45" xr3:uid="{B15B5F31-41CE-465C-8A53-BA81F6C390CA}" name="BCTEA Request Description Line 4" dataDxfId="31" totalsRowDxfId="30"/>
    <tableColumn id="46" xr3:uid="{8FD82BA4-8D4C-4AB5-A4D1-8C7AC2C9B6B6}" name="BCTEA Request Description Line 5" dataDxfId="29" totalsRowDxfId="28"/>
    <tableColumn id="47" xr3:uid="{0BA538B0-3EC0-45E4-8FFA-0E21890F9BB0}" name="BCTEA Request Description Line 6" dataDxfId="27" totalsRowDxfId="26"/>
    <tableColumn id="48" xr3:uid="{B7E1BE9D-EAFC-406A-93AF-25F459BD944E}" name="BCTEA Request Description Line 7" dataDxfId="25" totalsRowDxfId="24"/>
    <tableColumn id="49" xr3:uid="{1BDAA436-7069-4A22-8EE2-74AC145DFCDA}" name="BCTEA Request Description Line 8" dataDxfId="23" totalsRowDxfId="22"/>
    <tableColumn id="50" xr3:uid="{387BEF0B-47A7-446B-9AE5-F212916ADCE2}" name="BCTEA Request Amount Line 1" dataDxfId="21" totalsRowDxfId="20"/>
    <tableColumn id="51" xr3:uid="{1728AD17-05B9-43F1-977E-F32A78304E1D}" name="BCTEA Request Amount Line 2" dataDxfId="19" totalsRowDxfId="18"/>
    <tableColumn id="52" xr3:uid="{35BEAAA3-2B8C-495A-9450-1FF74FCA5829}" name="BCTEA Request Amount Line 3" dataDxfId="17" totalsRowDxfId="16"/>
    <tableColumn id="53" xr3:uid="{D91C1C34-9133-4FA3-9423-326C7820750C}" name="BCTEA Request Amount Line 4" dataDxfId="15" totalsRowDxfId="14"/>
    <tableColumn id="54" xr3:uid="{223364E0-B50C-4419-B653-90B1D8406570}" name="BCTEA Request Amount Line 5" dataDxfId="13" totalsRowDxfId="12"/>
    <tableColumn id="55" xr3:uid="{E4DB686C-AC94-44BB-AF69-E2ED8F902D17}" name="BCTEA Request Amount Line 6" dataDxfId="11" totalsRowDxfId="10"/>
    <tableColumn id="56" xr3:uid="{1BB93DCA-C59D-4FB4-87D6-29A33AF698E0}" name="BCTEA Request Amount Line 7" dataDxfId="9" totalsRowDxfId="8"/>
    <tableColumn id="57" xr3:uid="{D5A6D50B-0D81-4FDB-926C-F961A7E5153E}" name="BCTEA Request Amount Line 8" dataDxfId="7" totalsRowDxfId="6"/>
    <tableColumn id="58" xr3:uid="{73CEBD1E-BF69-40B0-8889-6E1B1DC32E36}" name="Total of First Nation Students living on reserve, attending public school requiring transportation" dataDxfId="5" totalsRowDxfId="4"/>
    <tableColumn id="59" xr3:uid="{5779E14B-AE8B-428E-975A-523F22C223B3}" name="Total Cost of Base Services provided by School District and or First Nation (excluding First Nation Student Transportation Fund)" dataDxfId="3" totalsRowDxfId="2"/>
    <tableColumn id="60" xr3:uid="{E8A59E51-1ADA-4C0A-BA02-01FF0B9C4D97}" name="Total Additional Cost of Proposed Tranportation Services for BCTEA Joint Committee review " dataDxfId="1" totalsRowDxfId="0"/>
  </tableColumns>
  <tableStyleInfo name="TableStyleMedium9"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3.bin"/><Relationship Id="rId1" Type="http://schemas.openxmlformats.org/officeDocument/2006/relationships/hyperlink" Target="https://www.bcferries.com/routes-fares/ferry-fares" TargetMode="External"/></Relationships>
</file>

<file path=xl/worksheets/_rels/sheet5.xml.rels><?xml version="1.0" encoding="UTF-8" standalone="yes"?>
<Relationships xmlns="http://schemas.openxmlformats.org/package/2006/relationships"><Relationship Id="rId3" Type="http://schemas.openxmlformats.org/officeDocument/2006/relationships/table" Target="../tables/table3.xml"/><Relationship Id="rId2" Type="http://schemas.openxmlformats.org/officeDocument/2006/relationships/table" Target="../tables/table2.xml"/><Relationship Id="rId1" Type="http://schemas.openxmlformats.org/officeDocument/2006/relationships/table" Target="../tables/table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7BC4505-9FF6-4422-AB64-A92FEB039EB6}">
  <sheetPr>
    <pageSetUpPr fitToPage="1"/>
  </sheetPr>
  <dimension ref="A1:W60"/>
  <sheetViews>
    <sheetView showGridLines="0" tabSelected="1" zoomScaleNormal="100" workbookViewId="0">
      <selection activeCell="F6" sqref="F6:G6"/>
    </sheetView>
  </sheetViews>
  <sheetFormatPr defaultColWidth="10.59765625" defaultRowHeight="15.6" x14ac:dyDescent="0.3"/>
  <cols>
    <col min="1" max="1" width="47.5" customWidth="1"/>
    <col min="2" max="2" width="32.09765625" customWidth="1"/>
    <col min="3" max="3" width="17.8984375" customWidth="1"/>
    <col min="4" max="4" width="13.5" customWidth="1"/>
    <col min="5" max="5" width="17" customWidth="1"/>
    <col min="6" max="6" width="42" customWidth="1"/>
    <col min="7" max="8" width="15.69921875" customWidth="1"/>
    <col min="9" max="9" width="34.69921875" customWidth="1"/>
    <col min="10" max="10" width="13.59765625" customWidth="1"/>
    <col min="11" max="11" width="13.19921875" customWidth="1"/>
    <col min="12" max="12" width="14.3984375" customWidth="1"/>
    <col min="19" max="19" width="12.8984375" customWidth="1"/>
    <col min="24" max="24" width="12.8984375" customWidth="1"/>
  </cols>
  <sheetData>
    <row r="1" spans="1:12" ht="31.2" x14ac:dyDescent="0.6">
      <c r="A1" s="3" t="s">
        <v>229</v>
      </c>
      <c r="B1" s="3"/>
      <c r="C1" s="2"/>
    </row>
    <row r="2" spans="1:12" ht="22.2" customHeight="1" x14ac:dyDescent="0.6">
      <c r="A2" s="1" t="s">
        <v>40</v>
      </c>
      <c r="B2" s="3"/>
      <c r="C2" s="2"/>
    </row>
    <row r="3" spans="1:12" ht="60" customHeight="1" x14ac:dyDescent="0.4">
      <c r="A3" s="137" t="s">
        <v>230</v>
      </c>
      <c r="B3" s="138"/>
      <c r="C3" s="138"/>
      <c r="D3" s="138"/>
      <c r="E3" s="138"/>
      <c r="F3" s="138"/>
      <c r="G3" s="138"/>
      <c r="H3" s="138"/>
      <c r="I3" s="138"/>
      <c r="J3" s="138"/>
    </row>
    <row r="4" spans="1:12" ht="30" customHeight="1" x14ac:dyDescent="0.3">
      <c r="A4" s="113" t="s">
        <v>181</v>
      </c>
      <c r="B4" s="114"/>
      <c r="C4" s="114"/>
      <c r="D4" s="114"/>
      <c r="E4" s="114"/>
      <c r="F4" s="114"/>
      <c r="G4" s="115"/>
      <c r="H4" s="57"/>
    </row>
    <row r="5" spans="1:12" s="43" customFormat="1" ht="40.950000000000003" customHeight="1" x14ac:dyDescent="0.7">
      <c r="A5" s="41" t="s">
        <v>0</v>
      </c>
      <c r="B5" s="73" t="str">
        <f>IFERROR(INDEX(Table5[Band Name], MATCH(B6,Table5[Band], 0)), "Please select First Nation band Number from drop down below.")</f>
        <v>Please select First Nation band Number from drop down below.</v>
      </c>
      <c r="C5" s="61"/>
      <c r="D5" s="61"/>
      <c r="E5" s="41"/>
      <c r="F5" s="112" t="str">
        <f>IFERROR(INDEX('Pre-populated data'!G2:G240,MATCH('Agreement Reached'!F6,'Pre-populated data'!H2:H240, 0)), "Please select SD number from drop down below.")</f>
        <v>Please select SD number from drop down below.</v>
      </c>
      <c r="G5" s="112"/>
      <c r="H5" s="38"/>
      <c r="J5" s="66"/>
    </row>
    <row r="6" spans="1:12" s="43" customFormat="1" ht="20.25" customHeight="1" x14ac:dyDescent="0.5">
      <c r="A6" s="41" t="s">
        <v>28</v>
      </c>
      <c r="B6" s="42"/>
      <c r="C6" s="62"/>
      <c r="D6" s="117" t="s">
        <v>50</v>
      </c>
      <c r="E6" s="118"/>
      <c r="F6" s="116"/>
      <c r="G6" s="116"/>
      <c r="H6" s="63"/>
      <c r="L6" s="58"/>
    </row>
    <row r="7" spans="1:12" s="43" customFormat="1" ht="33" customHeight="1" x14ac:dyDescent="0.3">
      <c r="A7" s="44" t="s">
        <v>111</v>
      </c>
      <c r="B7" s="42"/>
      <c r="C7" s="62"/>
      <c r="D7" s="119" t="s">
        <v>33</v>
      </c>
      <c r="E7" s="120"/>
      <c r="F7" s="116"/>
      <c r="G7" s="116"/>
      <c r="H7" s="63"/>
    </row>
    <row r="8" spans="1:12" s="43" customFormat="1" ht="33" customHeight="1" x14ac:dyDescent="0.3">
      <c r="A8" s="44" t="s">
        <v>112</v>
      </c>
      <c r="B8" s="42"/>
      <c r="C8" s="62"/>
      <c r="D8" s="119" t="s">
        <v>112</v>
      </c>
      <c r="E8" s="120"/>
      <c r="F8" s="116"/>
      <c r="G8" s="116"/>
      <c r="H8" s="63"/>
    </row>
    <row r="9" spans="1:12" s="43" customFormat="1" x14ac:dyDescent="0.3">
      <c r="A9" s="45" t="s">
        <v>22</v>
      </c>
    </row>
    <row r="10" spans="1:12" s="43" customFormat="1" ht="46.95" customHeight="1" x14ac:dyDescent="0.3">
      <c r="A10" s="44" t="s">
        <v>29</v>
      </c>
      <c r="B10" s="42"/>
      <c r="C10" s="62"/>
      <c r="D10" s="62"/>
      <c r="E10" s="46"/>
      <c r="F10" s="46"/>
      <c r="G10" s="46"/>
      <c r="H10" s="46"/>
      <c r="I10" s="46"/>
    </row>
    <row r="11" spans="1:12" s="43" customFormat="1" ht="16.2" customHeight="1" x14ac:dyDescent="0.3">
      <c r="C11" s="46"/>
    </row>
    <row r="12" spans="1:12" ht="35.1" customHeight="1" x14ac:dyDescent="0.3">
      <c r="A12" s="105" t="s">
        <v>3</v>
      </c>
      <c r="B12" s="105"/>
      <c r="C12" s="105"/>
      <c r="D12" s="105"/>
      <c r="E12" s="33"/>
      <c r="F12" s="33"/>
      <c r="G12" s="143"/>
      <c r="H12" s="143"/>
      <c r="I12" s="143"/>
      <c r="J12" s="143"/>
    </row>
    <row r="13" spans="1:12" ht="119.4" customHeight="1" x14ac:dyDescent="0.3">
      <c r="A13" s="30" t="s">
        <v>231</v>
      </c>
      <c r="B13" s="65" t="s">
        <v>908</v>
      </c>
      <c r="C13" s="106" t="s">
        <v>902</v>
      </c>
      <c r="D13" s="106"/>
      <c r="E13" s="64"/>
      <c r="F13" s="64"/>
      <c r="G13" s="64"/>
      <c r="H13" s="20"/>
      <c r="I13" s="20"/>
      <c r="J13" s="20"/>
    </row>
    <row r="14" spans="1:12" ht="52.95" customHeight="1" x14ac:dyDescent="0.3">
      <c r="A14" s="31" cm="1">
        <f t="array" ref="A14">IFERROR(INDEX(Table5[Nominal Roll],MATCH(1,('Agreement Reached'!F6=Table5[SD'#])*('Agreement Reached'!B6=Table5[Band]),0)), "Data not available")</f>
        <v>0</v>
      </c>
      <c r="B14" s="39"/>
      <c r="C14" s="107"/>
      <c r="D14" s="107"/>
      <c r="E14" s="23"/>
      <c r="F14" s="23"/>
      <c r="G14" s="23"/>
      <c r="H14" s="20"/>
      <c r="I14" s="20"/>
      <c r="J14" s="20"/>
    </row>
    <row r="15" spans="1:12" ht="48.6" customHeight="1" x14ac:dyDescent="0.3">
      <c r="A15" s="139" t="s">
        <v>214</v>
      </c>
      <c r="B15" s="139"/>
      <c r="C15" s="14"/>
      <c r="D15" s="14"/>
      <c r="E15" s="14"/>
      <c r="F15" s="14"/>
      <c r="G15" s="14"/>
    </row>
    <row r="16" spans="1:12" ht="15.6" customHeight="1" x14ac:dyDescent="0.3">
      <c r="A16" s="147" t="s">
        <v>174</v>
      </c>
      <c r="B16" s="147"/>
      <c r="C16" s="147"/>
      <c r="D16" s="147"/>
      <c r="E16" s="147"/>
      <c r="F16" s="148" t="s">
        <v>175</v>
      </c>
      <c r="G16" s="148"/>
      <c r="H16" s="148"/>
      <c r="I16" s="148"/>
      <c r="J16" s="148"/>
      <c r="K16" s="148"/>
      <c r="L16" s="148"/>
    </row>
    <row r="17" spans="1:23" ht="15" customHeight="1" x14ac:dyDescent="0.3">
      <c r="A17" s="147"/>
      <c r="B17" s="147"/>
      <c r="C17" s="147"/>
      <c r="D17" s="147"/>
      <c r="E17" s="147"/>
      <c r="F17" s="148"/>
      <c r="G17" s="148"/>
      <c r="H17" s="148"/>
      <c r="I17" s="148"/>
      <c r="J17" s="148"/>
      <c r="K17" s="148"/>
      <c r="L17" s="148"/>
    </row>
    <row r="18" spans="1:23" ht="43.95" customHeight="1" x14ac:dyDescent="0.3">
      <c r="A18" s="140" t="s">
        <v>26</v>
      </c>
      <c r="B18" s="140" t="s">
        <v>224</v>
      </c>
      <c r="C18" s="142" t="s">
        <v>185</v>
      </c>
      <c r="D18" s="142" t="s">
        <v>907</v>
      </c>
      <c r="E18" s="145" t="s">
        <v>236</v>
      </c>
      <c r="F18" s="59" t="s">
        <v>43</v>
      </c>
      <c r="G18" s="133" t="s">
        <v>233</v>
      </c>
      <c r="H18" s="134"/>
      <c r="I18" s="69" t="s">
        <v>27</v>
      </c>
      <c r="J18" s="128" t="s">
        <v>234</v>
      </c>
      <c r="K18" s="129"/>
      <c r="L18" s="130"/>
    </row>
    <row r="19" spans="1:23" ht="163.95" customHeight="1" x14ac:dyDescent="0.4">
      <c r="A19" s="141"/>
      <c r="B19" s="141"/>
      <c r="C19" s="142"/>
      <c r="D19" s="142"/>
      <c r="E19" s="146"/>
      <c r="F19" s="53" t="s">
        <v>216</v>
      </c>
      <c r="G19" s="19" t="s">
        <v>221</v>
      </c>
      <c r="H19" s="19" t="s">
        <v>222</v>
      </c>
      <c r="I19" s="21" t="s">
        <v>215</v>
      </c>
      <c r="J19" s="54" t="s">
        <v>247</v>
      </c>
      <c r="K19" s="54" t="s">
        <v>223</v>
      </c>
      <c r="L19" s="59" t="s">
        <v>225</v>
      </c>
    </row>
    <row r="20" spans="1:23" s="43" customFormat="1" ht="60" customHeight="1" x14ac:dyDescent="0.3">
      <c r="A20" s="42"/>
      <c r="B20" s="42"/>
      <c r="C20" s="42"/>
      <c r="D20" s="42"/>
      <c r="E20" s="42"/>
      <c r="F20" s="100"/>
      <c r="G20" s="47">
        <v>0</v>
      </c>
      <c r="H20" s="47">
        <v>0</v>
      </c>
      <c r="I20" s="103"/>
      <c r="J20" s="47">
        <v>0</v>
      </c>
      <c r="K20" s="47">
        <v>0</v>
      </c>
      <c r="L20" s="74">
        <f>IFERROR((K20-J20)/J20,0)</f>
        <v>0</v>
      </c>
    </row>
    <row r="21" spans="1:23" s="43" customFormat="1" ht="60" customHeight="1" x14ac:dyDescent="0.3">
      <c r="A21" s="42"/>
      <c r="B21" s="42"/>
      <c r="C21" s="42"/>
      <c r="D21" s="42"/>
      <c r="E21" s="42"/>
      <c r="F21" s="103"/>
      <c r="G21" s="47">
        <v>0</v>
      </c>
      <c r="H21" s="47">
        <v>0</v>
      </c>
      <c r="I21" s="103"/>
      <c r="J21" s="47">
        <v>0</v>
      </c>
      <c r="K21" s="47">
        <v>0</v>
      </c>
      <c r="L21" s="74">
        <f t="shared" ref="L21:L27" si="0">IFERROR((K21-J21)/J21,0)</f>
        <v>0</v>
      </c>
    </row>
    <row r="22" spans="1:23" s="43" customFormat="1" ht="60" customHeight="1" x14ac:dyDescent="0.3">
      <c r="A22" s="42"/>
      <c r="B22" s="42"/>
      <c r="C22" s="42"/>
      <c r="D22" s="42"/>
      <c r="E22" s="42"/>
      <c r="F22" s="103"/>
      <c r="G22" s="47">
        <v>0</v>
      </c>
      <c r="H22" s="47">
        <v>0</v>
      </c>
      <c r="I22" s="103"/>
      <c r="J22" s="47">
        <v>0</v>
      </c>
      <c r="K22" s="47">
        <v>0</v>
      </c>
      <c r="L22" s="74">
        <f t="shared" si="0"/>
        <v>0</v>
      </c>
    </row>
    <row r="23" spans="1:23" s="43" customFormat="1" ht="60" customHeight="1" x14ac:dyDescent="0.3">
      <c r="A23" s="42"/>
      <c r="B23" s="42"/>
      <c r="C23" s="42"/>
      <c r="D23" s="42"/>
      <c r="E23" s="42"/>
      <c r="F23" s="103"/>
      <c r="G23" s="47">
        <v>0</v>
      </c>
      <c r="H23" s="47">
        <v>0</v>
      </c>
      <c r="I23" s="103"/>
      <c r="J23" s="47">
        <v>0</v>
      </c>
      <c r="K23" s="47">
        <v>0</v>
      </c>
      <c r="L23" s="74">
        <f t="shared" si="0"/>
        <v>0</v>
      </c>
    </row>
    <row r="24" spans="1:23" s="43" customFormat="1" ht="60" customHeight="1" x14ac:dyDescent="0.3">
      <c r="A24" s="42"/>
      <c r="B24" s="42"/>
      <c r="C24" s="42"/>
      <c r="D24" s="42"/>
      <c r="E24" s="42"/>
      <c r="F24" s="103"/>
      <c r="G24" s="47">
        <v>0</v>
      </c>
      <c r="H24" s="47">
        <v>0</v>
      </c>
      <c r="I24" s="103"/>
      <c r="J24" s="47">
        <v>0</v>
      </c>
      <c r="K24" s="47">
        <v>0</v>
      </c>
      <c r="L24" s="74">
        <f t="shared" si="0"/>
        <v>0</v>
      </c>
    </row>
    <row r="25" spans="1:23" s="43" customFormat="1" ht="60" customHeight="1" x14ac:dyDescent="0.3">
      <c r="A25" s="42"/>
      <c r="B25" s="42"/>
      <c r="C25" s="42"/>
      <c r="D25" s="42"/>
      <c r="E25" s="42"/>
      <c r="F25" s="103"/>
      <c r="G25" s="47">
        <v>0</v>
      </c>
      <c r="H25" s="47">
        <v>0</v>
      </c>
      <c r="I25" s="103"/>
      <c r="J25" s="47">
        <v>0</v>
      </c>
      <c r="K25" s="47">
        <v>0</v>
      </c>
      <c r="L25" s="74">
        <f t="shared" si="0"/>
        <v>0</v>
      </c>
    </row>
    <row r="26" spans="1:23" s="43" customFormat="1" ht="60" customHeight="1" x14ac:dyDescent="0.3">
      <c r="A26" s="42"/>
      <c r="B26" s="42"/>
      <c r="C26" s="42"/>
      <c r="D26" s="42"/>
      <c r="E26" s="42"/>
      <c r="F26" s="103"/>
      <c r="G26" s="47">
        <v>0</v>
      </c>
      <c r="H26" s="47">
        <v>0</v>
      </c>
      <c r="I26" s="103"/>
      <c r="J26" s="47">
        <v>0</v>
      </c>
      <c r="K26" s="47">
        <v>0</v>
      </c>
      <c r="L26" s="74">
        <f t="shared" si="0"/>
        <v>0</v>
      </c>
    </row>
    <row r="27" spans="1:23" s="43" customFormat="1" ht="60" customHeight="1" x14ac:dyDescent="0.3">
      <c r="A27" s="42"/>
      <c r="B27" s="42"/>
      <c r="C27" s="42"/>
      <c r="D27" s="42"/>
      <c r="E27" s="42"/>
      <c r="F27" s="103"/>
      <c r="G27" s="47">
        <v>0</v>
      </c>
      <c r="H27" s="47">
        <v>0</v>
      </c>
      <c r="I27" s="103"/>
      <c r="J27" s="47">
        <v>0</v>
      </c>
      <c r="K27" s="47">
        <v>0</v>
      </c>
      <c r="L27" s="74">
        <f t="shared" si="0"/>
        <v>0</v>
      </c>
    </row>
    <row r="28" spans="1:23" ht="37.5" customHeight="1" x14ac:dyDescent="0.3">
      <c r="A28" s="7"/>
      <c r="B28" s="108" t="s">
        <v>906</v>
      </c>
      <c r="C28" s="109"/>
      <c r="D28" s="52">
        <f>SUM(D20:D27)</f>
        <v>0</v>
      </c>
      <c r="E28" s="35"/>
      <c r="F28" s="109" t="s">
        <v>176</v>
      </c>
      <c r="G28" s="48">
        <f>SUM(G20:G27)</f>
        <v>0</v>
      </c>
      <c r="H28" s="48">
        <f>SUM(H20:H27)</f>
        <v>0</v>
      </c>
      <c r="I28" s="144" t="s">
        <v>177</v>
      </c>
      <c r="J28" s="48">
        <f>SUM(J20:J27)</f>
        <v>0</v>
      </c>
      <c r="K28" s="48">
        <f>SUM(K20:K27)</f>
        <v>0</v>
      </c>
      <c r="L28" s="152"/>
    </row>
    <row r="29" spans="1:23" ht="12.6" customHeight="1" x14ac:dyDescent="0.3">
      <c r="A29" s="7"/>
      <c r="B29" s="110"/>
      <c r="C29" s="111"/>
      <c r="D29" s="27"/>
      <c r="E29" s="36" t="s">
        <v>22</v>
      </c>
      <c r="F29" s="111"/>
      <c r="G29" s="72"/>
      <c r="H29" s="56"/>
      <c r="I29" s="144"/>
      <c r="J29" s="22"/>
      <c r="K29" s="22"/>
      <c r="L29" s="153"/>
    </row>
    <row r="30" spans="1:23" ht="8.4" customHeight="1" x14ac:dyDescent="0.3">
      <c r="A30" s="17"/>
      <c r="B30" s="18"/>
      <c r="C30" s="18"/>
      <c r="D30" s="18"/>
      <c r="E30" s="26"/>
      <c r="F30" s="26"/>
      <c r="G30" s="26"/>
      <c r="H30" s="18"/>
      <c r="I30" s="18"/>
      <c r="J30" s="26"/>
      <c r="K30" s="26"/>
      <c r="L30" s="26"/>
    </row>
    <row r="31" spans="1:23" s="9" customFormat="1" ht="33" customHeight="1" x14ac:dyDescent="0.3">
      <c r="A31" s="149" t="s">
        <v>170</v>
      </c>
      <c r="B31" s="150"/>
      <c r="C31" s="150"/>
      <c r="D31" s="150"/>
      <c r="E31" s="150"/>
      <c r="F31" s="150"/>
      <c r="G31" s="151"/>
      <c r="H31" s="8">
        <f>H28</f>
        <v>0</v>
      </c>
      <c r="U31"/>
      <c r="V31"/>
      <c r="W31"/>
    </row>
    <row r="32" spans="1:23" ht="81" customHeight="1" x14ac:dyDescent="0.3">
      <c r="A32" s="121" t="s">
        <v>235</v>
      </c>
      <c r="B32" s="121"/>
      <c r="C32" s="121"/>
      <c r="D32" s="121"/>
      <c r="E32" s="121"/>
      <c r="F32" s="121"/>
      <c r="G32" s="122"/>
      <c r="H32" s="49">
        <v>0</v>
      </c>
    </row>
    <row r="33" spans="1:9" ht="29.25" customHeight="1" x14ac:dyDescent="0.3">
      <c r="A33" s="123" t="s">
        <v>178</v>
      </c>
      <c r="B33" s="124"/>
      <c r="C33" s="124"/>
      <c r="D33" s="124"/>
      <c r="E33" s="124"/>
      <c r="F33" s="124"/>
      <c r="G33" s="125"/>
      <c r="H33" s="40">
        <v>0</v>
      </c>
    </row>
    <row r="34" spans="1:9" ht="27" customHeight="1" x14ac:dyDescent="0.3">
      <c r="A34" s="126" t="s">
        <v>48</v>
      </c>
      <c r="B34" s="126"/>
      <c r="C34" s="126"/>
      <c r="D34" s="126"/>
      <c r="E34" s="126"/>
      <c r="F34" s="126"/>
      <c r="G34" s="127"/>
      <c r="H34" s="50">
        <v>0</v>
      </c>
    </row>
    <row r="35" spans="1:9" ht="40.200000000000003" customHeight="1" x14ac:dyDescent="0.3">
      <c r="A35" s="25" t="s">
        <v>34</v>
      </c>
      <c r="B35" s="131" t="s">
        <v>179</v>
      </c>
      <c r="C35" s="131"/>
      <c r="D35" s="131"/>
      <c r="E35" s="131"/>
      <c r="F35" s="131"/>
      <c r="G35" s="132"/>
      <c r="H35" s="40">
        <v>0</v>
      </c>
    </row>
    <row r="36" spans="1:9" ht="30" customHeight="1" x14ac:dyDescent="0.3">
      <c r="A36" s="136" t="s">
        <v>914</v>
      </c>
      <c r="B36" s="136"/>
      <c r="C36" s="136"/>
      <c r="D36" s="136"/>
      <c r="E36" s="136"/>
      <c r="F36" s="136"/>
      <c r="G36" s="136"/>
      <c r="H36" s="32"/>
      <c r="I36" s="10"/>
    </row>
    <row r="37" spans="1:9" x14ac:dyDescent="0.3">
      <c r="A37" s="1" t="s">
        <v>184</v>
      </c>
      <c r="B37" s="1"/>
    </row>
    <row r="38" spans="1:9" x14ac:dyDescent="0.3">
      <c r="A38" t="s">
        <v>30</v>
      </c>
    </row>
    <row r="39" spans="1:9" x14ac:dyDescent="0.3">
      <c r="A39" t="s">
        <v>31</v>
      </c>
    </row>
    <row r="40" spans="1:9" x14ac:dyDescent="0.3">
      <c r="A40" s="5" t="s">
        <v>19</v>
      </c>
    </row>
    <row r="41" spans="1:9" x14ac:dyDescent="0.3">
      <c r="A41" s="5" t="s">
        <v>20</v>
      </c>
    </row>
    <row r="42" spans="1:9" x14ac:dyDescent="0.3">
      <c r="A42" t="s">
        <v>187</v>
      </c>
    </row>
    <row r="43" spans="1:9" x14ac:dyDescent="0.3">
      <c r="A43" t="s">
        <v>32</v>
      </c>
    </row>
    <row r="44" spans="1:9" x14ac:dyDescent="0.3">
      <c r="A44" t="s">
        <v>21</v>
      </c>
    </row>
    <row r="46" spans="1:9" ht="25.8" x14ac:dyDescent="0.5">
      <c r="A46" s="6" t="s">
        <v>35</v>
      </c>
      <c r="E46" s="6" t="s">
        <v>913</v>
      </c>
    </row>
    <row r="47" spans="1:9" ht="15.6" customHeight="1" x14ac:dyDescent="0.3">
      <c r="A47" s="1" t="s">
        <v>5</v>
      </c>
      <c r="B47" s="1"/>
      <c r="C47" s="1"/>
      <c r="E47" s="135" t="s">
        <v>916</v>
      </c>
      <c r="F47" s="135"/>
      <c r="G47" s="135"/>
      <c r="H47" s="135"/>
    </row>
    <row r="48" spans="1:9" x14ac:dyDescent="0.3">
      <c r="A48" s="41"/>
      <c r="B48" s="41"/>
      <c r="C48" s="41"/>
      <c r="D48" s="43"/>
      <c r="E48" s="135"/>
      <c r="F48" s="135"/>
      <c r="G48" s="135"/>
      <c r="H48" s="135"/>
    </row>
    <row r="49" spans="1:8" ht="22.2" customHeight="1" thickBot="1" x14ac:dyDescent="0.35">
      <c r="A49" s="51"/>
      <c r="B49" s="51"/>
      <c r="C49" s="51"/>
      <c r="D49" s="43"/>
      <c r="E49" s="32"/>
      <c r="G49" s="32"/>
      <c r="H49" s="32"/>
    </row>
    <row r="50" spans="1:8" x14ac:dyDescent="0.3">
      <c r="A50" s="1" t="s">
        <v>4</v>
      </c>
      <c r="B50" s="1"/>
      <c r="C50" t="s">
        <v>23</v>
      </c>
      <c r="F50" s="32"/>
    </row>
    <row r="51" spans="1:8" x14ac:dyDescent="0.3">
      <c r="A51" s="43"/>
      <c r="B51" s="43"/>
      <c r="C51" s="43"/>
      <c r="D51" s="43"/>
      <c r="E51" s="43"/>
      <c r="F51" s="43"/>
      <c r="G51" s="43"/>
    </row>
    <row r="52" spans="1:8" ht="22.2" customHeight="1" thickBot="1" x14ac:dyDescent="0.35">
      <c r="A52" s="51"/>
      <c r="B52" s="51"/>
      <c r="C52" s="51"/>
      <c r="D52" s="43"/>
      <c r="E52" s="43"/>
      <c r="F52" s="43"/>
      <c r="G52" s="43"/>
    </row>
    <row r="53" spans="1:8" x14ac:dyDescent="0.3">
      <c r="A53" s="1" t="s">
        <v>173</v>
      </c>
      <c r="B53" s="1"/>
      <c r="C53" t="s">
        <v>23</v>
      </c>
    </row>
    <row r="56" spans="1:8" x14ac:dyDescent="0.3">
      <c r="C56" s="1"/>
    </row>
    <row r="57" spans="1:8" x14ac:dyDescent="0.3">
      <c r="A57" t="s">
        <v>24</v>
      </c>
    </row>
    <row r="58" spans="1:8" x14ac:dyDescent="0.3">
      <c r="A58" t="s">
        <v>24</v>
      </c>
    </row>
    <row r="60" spans="1:8" ht="18" x14ac:dyDescent="0.35">
      <c r="A60" s="4" t="s">
        <v>22</v>
      </c>
    </row>
  </sheetData>
  <sheetProtection algorithmName="SHA-512" hashValue="ZXv6mp5iBDJnoFh+3NnSz5wrfgB0EYLTxo8NvgCKXupujYsj92sn7ffT6vofEnvvxdcTF1ZPy1xePrKrpVto+g==" saltValue="rf4Vevvnbhqnp6rCwwo0qA==" spinCount="100000" sheet="1" formatCells="0" formatColumns="0" formatRows="0" selectLockedCells="1"/>
  <mergeCells count="34">
    <mergeCell ref="E47:H48"/>
    <mergeCell ref="A36:G36"/>
    <mergeCell ref="A3:J3"/>
    <mergeCell ref="A15:B15"/>
    <mergeCell ref="A18:A19"/>
    <mergeCell ref="C18:C19"/>
    <mergeCell ref="D18:D19"/>
    <mergeCell ref="G12:J12"/>
    <mergeCell ref="I28:I29"/>
    <mergeCell ref="E18:E19"/>
    <mergeCell ref="A16:E17"/>
    <mergeCell ref="F28:F29"/>
    <mergeCell ref="F16:L17"/>
    <mergeCell ref="B18:B19"/>
    <mergeCell ref="A31:G31"/>
    <mergeCell ref="L28:L29"/>
    <mergeCell ref="A32:G32"/>
    <mergeCell ref="A33:G33"/>
    <mergeCell ref="A34:G34"/>
    <mergeCell ref="J18:L18"/>
    <mergeCell ref="B35:G35"/>
    <mergeCell ref="G18:H18"/>
    <mergeCell ref="A4:G4"/>
    <mergeCell ref="F6:G6"/>
    <mergeCell ref="F7:G7"/>
    <mergeCell ref="F8:G8"/>
    <mergeCell ref="D6:E6"/>
    <mergeCell ref="D7:E7"/>
    <mergeCell ref="D8:E8"/>
    <mergeCell ref="A12:D12"/>
    <mergeCell ref="C13:D13"/>
    <mergeCell ref="C14:D14"/>
    <mergeCell ref="B28:C29"/>
    <mergeCell ref="F5:G5"/>
  </mergeCells>
  <phoneticPr fontId="31" type="noConversion"/>
  <dataValidations xWindow="1432" yWindow="580" count="5">
    <dataValidation type="list" allowBlank="1" showInputMessage="1" showErrorMessage="1" sqref="B10:D10" xr:uid="{585BBABA-7DE4-402C-AD58-6D432396DA4D}">
      <formula1>"Status Quo, Revision to Previous Joint Plan, New Joint Plan"</formula1>
    </dataValidation>
    <dataValidation allowBlank="1" showInputMessage="1" promptTitle="Funding Increase" prompt="If increase is higher than 15%, please provide details in the Additional Information Tab" sqref="K20:K27" xr:uid="{1EAF5388-23AE-4284-A74D-B5F794B5EBA3}"/>
    <dataValidation type="list" allowBlank="1" showInputMessage="1" promptTitle="Further Information" prompt="If requesting Parental Assistance or Special Supports, please complete Additional Information tab" sqref="E20:E27" xr:uid="{33986B9B-1DFF-49FF-AC2A-2B73DB167A14}">
      <formula1>"To/From Bus, To/From Water, Parental Assistance, Bus Passes, Special Supports, Other (please explain in Description of Transportation Services or Proposed enhanced services)"</formula1>
    </dataValidation>
    <dataValidation type="list" allowBlank="1" showInputMessage="1" sqref="H6" xr:uid="{E882897A-1E8D-461F-8A9E-8091A5778C4E}">
      <formula1>#REF!</formula1>
    </dataValidation>
    <dataValidation type="list" allowBlank="1" showInputMessage="1" promptTitle="Select Band Number from list" sqref="C6" xr:uid="{F82E2042-7940-410A-B865-DD778DF924CF}">
      <formula1>#REF!</formula1>
    </dataValidation>
  </dataValidations>
  <pageMargins left="0.7" right="0.7" top="0.75" bottom="0.75" header="0.3" footer="0.3"/>
  <pageSetup paperSize="5" scale="53" fitToHeight="0" orientation="landscape" r:id="rId1"/>
  <rowBreaks count="1" manualBreakCount="1">
    <brk id="22" max="16383" man="1"/>
  </rowBreaks>
  <drawing r:id="rId2"/>
  <extLst>
    <ext xmlns:x14="http://schemas.microsoft.com/office/spreadsheetml/2009/9/main" uri="{CCE6A557-97BC-4b89-ADB6-D9C93CAAB3DF}">
      <x14:dataValidations xmlns:xm="http://schemas.microsoft.com/office/excel/2006/main" xWindow="1432" yWindow="580" count="2">
        <x14:dataValidation type="list" allowBlank="1" showInputMessage="1" promptTitle="Select Band Number from list" xr:uid="{3219BCC2-9996-464B-A0CC-952F204892BE}">
          <x14:formula1>
            <xm:f>'Pre-populated data'!$E$2:$E$239</xm:f>
          </x14:formula1>
          <xm:sqref>B6</xm:sqref>
        </x14:dataValidation>
        <x14:dataValidation type="list" allowBlank="1" showInputMessage="1" xr:uid="{3E925F28-880D-4318-8DD7-EEC0860987E0}">
          <x14:formula1>
            <xm:f>'Pre-populated data'!$H$2:$H$240</xm:f>
          </x14:formula1>
          <xm:sqref>F6:G6</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6404A86-DD11-4A8B-9005-416A6773CFBA}">
  <sheetPr>
    <tabColor rgb="FFFFFF00"/>
  </sheetPr>
  <dimension ref="A1:L26"/>
  <sheetViews>
    <sheetView topLeftCell="A17" zoomScale="150" zoomScaleNormal="150" workbookViewId="0">
      <selection activeCell="A22" sqref="A22:J22"/>
    </sheetView>
  </sheetViews>
  <sheetFormatPr defaultRowHeight="15.6" x14ac:dyDescent="0.3"/>
  <cols>
    <col min="12" max="12" width="40.3984375" customWidth="1"/>
  </cols>
  <sheetData>
    <row r="1" spans="1:12" ht="41.25" customHeight="1" x14ac:dyDescent="0.35">
      <c r="A1" s="169" t="s">
        <v>232</v>
      </c>
      <c r="B1" s="169"/>
      <c r="C1" s="169"/>
      <c r="D1" s="169"/>
      <c r="E1" s="169"/>
      <c r="F1" s="169"/>
      <c r="G1" s="169"/>
      <c r="H1" s="169"/>
      <c r="I1" s="169"/>
      <c r="J1" s="70"/>
      <c r="L1" t="s">
        <v>22</v>
      </c>
    </row>
    <row r="2" spans="1:12" ht="15.6" customHeight="1" x14ac:dyDescent="0.3">
      <c r="A2" s="164" t="s">
        <v>41</v>
      </c>
      <c r="B2" s="164"/>
      <c r="C2" s="164"/>
      <c r="D2" s="164"/>
      <c r="E2" s="164"/>
      <c r="F2" s="164"/>
      <c r="G2" s="164"/>
      <c r="H2" s="164"/>
      <c r="I2" s="164"/>
      <c r="J2" s="164"/>
    </row>
    <row r="3" spans="1:12" ht="61.95" customHeight="1" x14ac:dyDescent="0.3">
      <c r="A3" s="170" t="s">
        <v>838</v>
      </c>
      <c r="B3" s="170"/>
      <c r="C3" s="170"/>
      <c r="D3" s="170"/>
      <c r="E3" s="170"/>
      <c r="F3" s="170"/>
      <c r="G3" s="170"/>
      <c r="H3" s="170"/>
      <c r="I3" s="170"/>
      <c r="J3" s="170"/>
      <c r="L3" t="s">
        <v>22</v>
      </c>
    </row>
    <row r="4" spans="1:12" ht="91.2" customHeight="1" x14ac:dyDescent="0.3">
      <c r="A4" s="171" t="s">
        <v>238</v>
      </c>
      <c r="B4" s="171"/>
      <c r="C4" s="171"/>
      <c r="D4" s="171"/>
      <c r="E4" s="171"/>
      <c r="F4" s="171"/>
      <c r="G4" s="171"/>
      <c r="H4" s="171"/>
      <c r="I4" s="171"/>
      <c r="J4" s="171"/>
      <c r="L4" s="34"/>
    </row>
    <row r="5" spans="1:12" ht="46.95" customHeight="1" x14ac:dyDescent="0.3">
      <c r="A5" s="170" t="s">
        <v>239</v>
      </c>
      <c r="B5" s="170"/>
      <c r="C5" s="170"/>
      <c r="D5" s="170"/>
      <c r="E5" s="170"/>
      <c r="F5" s="170"/>
      <c r="G5" s="170"/>
      <c r="H5" s="170"/>
      <c r="I5" s="170"/>
      <c r="J5" s="170"/>
      <c r="L5" t="s">
        <v>22</v>
      </c>
    </row>
    <row r="6" spans="1:12" ht="15.75" customHeight="1" x14ac:dyDescent="0.3">
      <c r="A6" s="164" t="s">
        <v>38</v>
      </c>
      <c r="B6" s="164"/>
      <c r="C6" s="164"/>
      <c r="D6" s="164"/>
      <c r="E6" s="164"/>
      <c r="F6" s="164"/>
      <c r="G6" s="164"/>
      <c r="H6" s="164"/>
      <c r="I6" s="164"/>
      <c r="J6" s="164"/>
    </row>
    <row r="7" spans="1:12" ht="21" customHeight="1" x14ac:dyDescent="0.3">
      <c r="A7" s="12" t="s">
        <v>182</v>
      </c>
      <c r="B7" s="12"/>
      <c r="C7" s="12"/>
      <c r="D7" s="12"/>
      <c r="E7" s="12"/>
      <c r="F7" s="12"/>
      <c r="G7" s="12"/>
      <c r="H7" s="12"/>
      <c r="I7" s="12"/>
      <c r="J7" s="12"/>
      <c r="L7" t="s">
        <v>22</v>
      </c>
    </row>
    <row r="8" spans="1:12" ht="34.5" customHeight="1" x14ac:dyDescent="0.3">
      <c r="A8" s="155" t="s">
        <v>237</v>
      </c>
      <c r="B8" s="155"/>
      <c r="C8" s="155"/>
      <c r="D8" s="155"/>
      <c r="E8" s="155"/>
      <c r="F8" s="155"/>
      <c r="G8" s="155"/>
      <c r="H8" s="155"/>
      <c r="I8" s="155"/>
      <c r="J8" s="155"/>
      <c r="L8" t="s">
        <v>22</v>
      </c>
    </row>
    <row r="9" spans="1:12" ht="188.4" customHeight="1" x14ac:dyDescent="0.3">
      <c r="A9" s="156" t="s">
        <v>904</v>
      </c>
      <c r="B9" s="155"/>
      <c r="C9" s="155"/>
      <c r="D9" s="155"/>
      <c r="E9" s="155"/>
      <c r="F9" s="155"/>
      <c r="G9" s="155"/>
      <c r="H9" s="155"/>
      <c r="I9" s="155"/>
      <c r="J9" s="155"/>
      <c r="L9" t="s">
        <v>22</v>
      </c>
    </row>
    <row r="10" spans="1:12" ht="18.75" customHeight="1" x14ac:dyDescent="0.3">
      <c r="A10" s="159" t="s">
        <v>183</v>
      </c>
      <c r="B10" s="159"/>
      <c r="C10" s="159"/>
      <c r="D10" s="159"/>
      <c r="E10" s="159"/>
      <c r="F10" s="159"/>
      <c r="G10" s="159"/>
      <c r="H10" s="159"/>
      <c r="I10" s="159"/>
      <c r="J10" s="159"/>
      <c r="L10" s="71"/>
    </row>
    <row r="11" spans="1:12" ht="74.400000000000006" customHeight="1" x14ac:dyDescent="0.3">
      <c r="A11" s="165" t="s">
        <v>245</v>
      </c>
      <c r="B11" s="166"/>
      <c r="C11" s="166"/>
      <c r="D11" s="166"/>
      <c r="E11" s="166"/>
      <c r="F11" s="166"/>
      <c r="G11" s="166"/>
      <c r="H11" s="166"/>
      <c r="I11" s="166"/>
      <c r="J11" s="166"/>
    </row>
    <row r="12" spans="1:12" ht="21.6" customHeight="1" x14ac:dyDescent="0.3">
      <c r="A12" s="167" t="s">
        <v>905</v>
      </c>
      <c r="B12" s="168"/>
      <c r="C12" s="168"/>
      <c r="D12" s="168"/>
      <c r="E12" s="168"/>
      <c r="F12" s="168"/>
      <c r="G12" s="168"/>
      <c r="H12" s="168"/>
      <c r="I12" s="168"/>
      <c r="J12" s="168"/>
    </row>
    <row r="13" spans="1:12" ht="225" customHeight="1" x14ac:dyDescent="0.3">
      <c r="A13" s="156" t="s">
        <v>909</v>
      </c>
      <c r="B13" s="155"/>
      <c r="C13" s="155"/>
      <c r="D13" s="155"/>
      <c r="E13" s="155"/>
      <c r="F13" s="155"/>
      <c r="G13" s="155"/>
      <c r="H13" s="155"/>
      <c r="I13" s="155"/>
      <c r="J13" s="155"/>
    </row>
    <row r="14" spans="1:12" ht="44.4" customHeight="1" x14ac:dyDescent="0.3">
      <c r="A14" s="160" t="s">
        <v>47</v>
      </c>
      <c r="B14" s="160"/>
      <c r="C14" s="160"/>
      <c r="D14" s="160"/>
      <c r="E14" s="160"/>
      <c r="F14" s="160"/>
      <c r="G14" s="160"/>
      <c r="H14" s="160"/>
      <c r="I14" s="160"/>
      <c r="J14" s="160"/>
    </row>
    <row r="15" spans="1:12" ht="50.4" customHeight="1" x14ac:dyDescent="0.3">
      <c r="A15" s="155" t="s">
        <v>831</v>
      </c>
      <c r="B15" s="155"/>
      <c r="C15" s="155"/>
      <c r="D15" s="155"/>
      <c r="E15" s="155"/>
      <c r="F15" s="155"/>
      <c r="G15" s="155"/>
      <c r="H15" s="155"/>
      <c r="I15" s="155"/>
      <c r="J15" s="155"/>
    </row>
    <row r="16" spans="1:12" ht="22.5" customHeight="1" x14ac:dyDescent="0.3">
      <c r="A16" s="161" t="s">
        <v>39</v>
      </c>
      <c r="B16" s="161"/>
      <c r="C16" s="161"/>
      <c r="D16" s="161"/>
      <c r="E16" s="161"/>
      <c r="F16" s="161"/>
      <c r="G16" s="161"/>
      <c r="H16" s="161"/>
      <c r="I16" s="161"/>
      <c r="J16" s="161"/>
    </row>
    <row r="17" spans="1:10" ht="64.95" customHeight="1" x14ac:dyDescent="0.3">
      <c r="A17" s="154" t="s">
        <v>912</v>
      </c>
      <c r="B17" s="155"/>
      <c r="C17" s="155"/>
      <c r="D17" s="155"/>
      <c r="E17" s="155"/>
      <c r="F17" s="155"/>
      <c r="G17" s="155"/>
      <c r="H17" s="155"/>
      <c r="I17" s="155"/>
      <c r="J17" s="155"/>
    </row>
    <row r="18" spans="1:10" ht="16.2" customHeight="1" x14ac:dyDescent="0.3">
      <c r="A18" s="160" t="s">
        <v>42</v>
      </c>
      <c r="B18" s="160"/>
      <c r="C18" s="160"/>
      <c r="D18" s="160"/>
      <c r="E18" s="160"/>
      <c r="F18" s="160"/>
      <c r="G18" s="160"/>
      <c r="H18" s="160"/>
      <c r="I18" s="160"/>
      <c r="J18" s="160"/>
    </row>
    <row r="19" spans="1:10" s="11" customFormat="1" ht="37.5" customHeight="1" x14ac:dyDescent="0.3">
      <c r="A19" s="156" t="s">
        <v>910</v>
      </c>
      <c r="B19" s="155"/>
      <c r="C19" s="155"/>
      <c r="D19" s="155"/>
      <c r="E19" s="155"/>
      <c r="F19" s="155"/>
      <c r="G19" s="155"/>
      <c r="H19" s="155"/>
      <c r="I19" s="155"/>
      <c r="J19" s="155"/>
    </row>
    <row r="20" spans="1:10" ht="65.400000000000006" customHeight="1" x14ac:dyDescent="0.3">
      <c r="A20" s="157" t="s">
        <v>911</v>
      </c>
      <c r="B20" s="158"/>
      <c r="C20" s="158"/>
      <c r="D20" s="158"/>
      <c r="E20" s="158"/>
      <c r="F20" s="158"/>
      <c r="G20" s="158"/>
      <c r="H20" s="158"/>
      <c r="I20" s="158"/>
      <c r="J20" s="158"/>
    </row>
    <row r="21" spans="1:10" ht="19.5" customHeight="1" x14ac:dyDescent="0.3">
      <c r="A21" s="159" t="s">
        <v>240</v>
      </c>
      <c r="B21" s="159"/>
      <c r="C21" s="159"/>
      <c r="D21" s="159"/>
      <c r="E21" s="159"/>
      <c r="F21" s="159"/>
      <c r="G21" s="159"/>
      <c r="H21" s="159"/>
      <c r="I21" s="159"/>
      <c r="J21" s="159"/>
    </row>
    <row r="22" spans="1:10" ht="90.6" customHeight="1" x14ac:dyDescent="0.3">
      <c r="A22" s="163" t="s">
        <v>918</v>
      </c>
      <c r="B22" s="155"/>
      <c r="C22" s="155"/>
      <c r="D22" s="155"/>
      <c r="E22" s="155"/>
      <c r="F22" s="155"/>
      <c r="G22" s="155"/>
      <c r="H22" s="155"/>
      <c r="I22" s="155"/>
      <c r="J22" s="155"/>
    </row>
    <row r="23" spans="1:10" ht="40.950000000000003" customHeight="1" x14ac:dyDescent="0.3">
      <c r="A23" s="155" t="s">
        <v>832</v>
      </c>
      <c r="B23" s="155"/>
      <c r="C23" s="155"/>
      <c r="D23" s="155"/>
      <c r="E23" s="155"/>
      <c r="F23" s="155"/>
      <c r="G23" s="155"/>
      <c r="H23" s="155"/>
      <c r="I23" s="155"/>
      <c r="J23" s="155"/>
    </row>
    <row r="24" spans="1:10" ht="64.2" customHeight="1" x14ac:dyDescent="0.3">
      <c r="A24" s="160" t="s">
        <v>244</v>
      </c>
      <c r="B24" s="160"/>
      <c r="C24" s="160"/>
      <c r="D24" s="160"/>
      <c r="E24" s="160"/>
      <c r="F24" s="160"/>
      <c r="G24" s="160"/>
      <c r="H24" s="160"/>
      <c r="I24" s="160"/>
      <c r="J24" s="160"/>
    </row>
    <row r="25" spans="1:10" ht="21.75" customHeight="1" x14ac:dyDescent="0.3">
      <c r="A25" s="161" t="s">
        <v>52</v>
      </c>
      <c r="B25" s="161"/>
      <c r="C25" s="161"/>
      <c r="D25" s="161"/>
      <c r="E25" s="161"/>
      <c r="F25" s="161"/>
      <c r="G25" s="161"/>
      <c r="H25" s="161"/>
      <c r="I25" s="161"/>
      <c r="J25" s="161"/>
    </row>
    <row r="26" spans="1:10" ht="105.6" customHeight="1" x14ac:dyDescent="0.3">
      <c r="A26" s="162" t="s">
        <v>917</v>
      </c>
      <c r="B26" s="155"/>
      <c r="C26" s="155"/>
      <c r="D26" s="155"/>
      <c r="E26" s="155"/>
      <c r="F26" s="155"/>
      <c r="G26" s="155"/>
      <c r="H26" s="155"/>
      <c r="I26" s="155"/>
      <c r="J26" s="155"/>
    </row>
  </sheetData>
  <mergeCells count="25">
    <mergeCell ref="A1:I1"/>
    <mergeCell ref="A2:J2"/>
    <mergeCell ref="A3:J3"/>
    <mergeCell ref="A4:J4"/>
    <mergeCell ref="A5:J5"/>
    <mergeCell ref="A13:J13"/>
    <mergeCell ref="A14:J14"/>
    <mergeCell ref="A15:J15"/>
    <mergeCell ref="A16:J16"/>
    <mergeCell ref="A6:J6"/>
    <mergeCell ref="A8:J8"/>
    <mergeCell ref="A9:J9"/>
    <mergeCell ref="A10:J10"/>
    <mergeCell ref="A11:J11"/>
    <mergeCell ref="A12:J12"/>
    <mergeCell ref="A25:J25"/>
    <mergeCell ref="A26:J26"/>
    <mergeCell ref="A22:J22"/>
    <mergeCell ref="A18:J18"/>
    <mergeCell ref="A23:J23"/>
    <mergeCell ref="A17:J17"/>
    <mergeCell ref="A19:J19"/>
    <mergeCell ref="A20:J20"/>
    <mergeCell ref="A21:J21"/>
    <mergeCell ref="A24:J24"/>
  </mergeCells>
  <pageMargins left="0.25" right="0.25" top="0.75" bottom="0.75" header="0.3" footer="0.3"/>
  <pageSetup orientation="portrait" horizontalDpi="4294967293"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9F73CE5-829D-413F-9F38-59B8D4BA0088}">
  <sheetPr>
    <pageSetUpPr fitToPage="1"/>
  </sheetPr>
  <dimension ref="A1:W60"/>
  <sheetViews>
    <sheetView showGridLines="0" topLeftCell="A3" zoomScale="70" zoomScaleNormal="70" workbookViewId="0">
      <selection activeCell="H56" sqref="H56"/>
    </sheetView>
  </sheetViews>
  <sheetFormatPr defaultColWidth="10.59765625" defaultRowHeight="15.6" x14ac:dyDescent="0.3"/>
  <cols>
    <col min="1" max="1" width="47.5" customWidth="1"/>
    <col min="2" max="2" width="32.09765625" customWidth="1"/>
    <col min="3" max="3" width="17.8984375" customWidth="1"/>
    <col min="4" max="4" width="13.5" customWidth="1"/>
    <col min="5" max="5" width="17" customWidth="1"/>
    <col min="6" max="6" width="42" customWidth="1"/>
    <col min="7" max="8" width="15.69921875" customWidth="1"/>
    <col min="9" max="9" width="34.69921875" customWidth="1"/>
    <col min="10" max="10" width="13.59765625" customWidth="1"/>
    <col min="11" max="11" width="13.19921875" customWidth="1"/>
    <col min="12" max="12" width="14.3984375" customWidth="1"/>
    <col min="19" max="19" width="12.8984375" customWidth="1"/>
    <col min="24" max="24" width="12.8984375" customWidth="1"/>
  </cols>
  <sheetData>
    <row r="1" spans="1:12" ht="31.2" x14ac:dyDescent="0.6">
      <c r="A1" s="3" t="s">
        <v>229</v>
      </c>
      <c r="B1" s="3"/>
      <c r="C1" s="2"/>
    </row>
    <row r="2" spans="1:12" ht="22.2" customHeight="1" x14ac:dyDescent="0.6">
      <c r="A2" s="1" t="s">
        <v>40</v>
      </c>
      <c r="B2" s="3"/>
      <c r="C2" s="2"/>
    </row>
    <row r="3" spans="1:12" ht="60" customHeight="1" x14ac:dyDescent="0.4">
      <c r="A3" s="137" t="s">
        <v>230</v>
      </c>
      <c r="B3" s="138"/>
      <c r="C3" s="138"/>
      <c r="D3" s="138"/>
      <c r="E3" s="138"/>
      <c r="F3" s="138"/>
      <c r="G3" s="138"/>
      <c r="H3" s="138"/>
      <c r="I3" s="138"/>
      <c r="J3" s="138"/>
    </row>
    <row r="4" spans="1:12" ht="30" customHeight="1" x14ac:dyDescent="0.3">
      <c r="A4" s="113" t="s">
        <v>181</v>
      </c>
      <c r="B4" s="114"/>
      <c r="C4" s="114"/>
      <c r="D4" s="114"/>
      <c r="E4" s="114"/>
      <c r="F4" s="114"/>
      <c r="G4" s="115"/>
      <c r="H4" s="57"/>
    </row>
    <row r="5" spans="1:12" s="43" customFormat="1" ht="40.950000000000003" customHeight="1" x14ac:dyDescent="0.7">
      <c r="A5" s="41" t="s">
        <v>0</v>
      </c>
      <c r="B5" s="73" t="str">
        <f>IFERROR(INDEX(Table5[Band Name], MATCH(B6,Table5[Band], 0)), "Please select First Nation band Number from drop down below.")</f>
        <v>Please select First Nation band Number from drop down below.</v>
      </c>
      <c r="C5" s="61"/>
      <c r="D5" s="61"/>
      <c r="E5" s="41"/>
      <c r="F5" s="112" t="str">
        <f>IFERROR(INDEX('Pre-populated data'!G2:G240,MATCH('Agreement Reached Example'!F6,'Pre-populated data'!H2:H240, 0)), "Please select SD number from drop down below.")</f>
        <v>Please select SD number from drop down below.</v>
      </c>
      <c r="G5" s="112"/>
      <c r="H5" s="38"/>
      <c r="J5" s="66"/>
    </row>
    <row r="6" spans="1:12" s="43" customFormat="1" ht="20.25" customHeight="1" x14ac:dyDescent="0.5">
      <c r="A6" s="41" t="s">
        <v>28</v>
      </c>
      <c r="B6" s="42"/>
      <c r="C6" s="62"/>
      <c r="D6" s="117" t="s">
        <v>50</v>
      </c>
      <c r="E6" s="118"/>
      <c r="F6" s="116"/>
      <c r="G6" s="116"/>
      <c r="H6" s="63"/>
      <c r="L6" s="58"/>
    </row>
    <row r="7" spans="1:12" s="43" customFormat="1" ht="33" customHeight="1" x14ac:dyDescent="0.3">
      <c r="A7" s="44" t="s">
        <v>111</v>
      </c>
      <c r="B7" s="42"/>
      <c r="C7" s="62"/>
      <c r="D7" s="119" t="s">
        <v>33</v>
      </c>
      <c r="E7" s="120"/>
      <c r="F7" s="116"/>
      <c r="G7" s="116"/>
      <c r="H7" s="63"/>
    </row>
    <row r="8" spans="1:12" s="43" customFormat="1" ht="33" customHeight="1" x14ac:dyDescent="0.3">
      <c r="A8" s="44" t="s">
        <v>112</v>
      </c>
      <c r="B8" s="42"/>
      <c r="C8" s="62"/>
      <c r="D8" s="119" t="s">
        <v>112</v>
      </c>
      <c r="E8" s="120"/>
      <c r="F8" s="116"/>
      <c r="G8" s="116"/>
      <c r="H8" s="63"/>
    </row>
    <row r="9" spans="1:12" s="43" customFormat="1" x14ac:dyDescent="0.3">
      <c r="A9" s="45" t="s">
        <v>22</v>
      </c>
    </row>
    <row r="10" spans="1:12" s="43" customFormat="1" ht="46.95" customHeight="1" x14ac:dyDescent="0.3">
      <c r="A10" s="44" t="s">
        <v>29</v>
      </c>
      <c r="B10" s="42"/>
      <c r="C10" s="62"/>
      <c r="D10" s="62"/>
      <c r="E10" s="46"/>
      <c r="F10" s="46"/>
      <c r="G10" s="46"/>
      <c r="H10" s="46"/>
      <c r="I10" s="46"/>
    </row>
    <row r="11" spans="1:12" s="43" customFormat="1" ht="16.2" customHeight="1" x14ac:dyDescent="0.3">
      <c r="C11" s="46"/>
    </row>
    <row r="12" spans="1:12" ht="35.1" customHeight="1" x14ac:dyDescent="0.3">
      <c r="A12" s="105" t="s">
        <v>3</v>
      </c>
      <c r="B12" s="105"/>
      <c r="C12" s="105"/>
      <c r="D12" s="105"/>
      <c r="E12" s="33"/>
      <c r="F12" s="33"/>
      <c r="G12" s="143"/>
      <c r="H12" s="143"/>
      <c r="I12" s="143"/>
      <c r="J12" s="143"/>
    </row>
    <row r="13" spans="1:12" ht="119.4" customHeight="1" x14ac:dyDescent="0.3">
      <c r="A13" s="30" t="s">
        <v>231</v>
      </c>
      <c r="B13" s="65" t="s">
        <v>908</v>
      </c>
      <c r="C13" s="106" t="s">
        <v>902</v>
      </c>
      <c r="D13" s="106"/>
      <c r="E13" s="64"/>
      <c r="F13" s="64"/>
      <c r="G13" s="64"/>
      <c r="H13" s="20"/>
      <c r="I13" s="20"/>
      <c r="J13" s="20"/>
    </row>
    <row r="14" spans="1:12" ht="52.95" customHeight="1" x14ac:dyDescent="0.3">
      <c r="A14" s="31" cm="1">
        <f t="array" ref="A14">IFERROR(INDEX(Table5[Nominal Roll],MATCH(1,('Agreement Reached Example'!F6=Table5[SD'#])*('Agreement Reached Example'!B6=Table5[Band]),0)), "Data not available")</f>
        <v>0</v>
      </c>
      <c r="B14" s="39"/>
      <c r="C14" s="107"/>
      <c r="D14" s="107"/>
      <c r="E14" s="23"/>
      <c r="F14" s="23"/>
      <c r="G14" s="23"/>
      <c r="H14" s="20"/>
      <c r="I14" s="20"/>
      <c r="J14" s="20"/>
    </row>
    <row r="15" spans="1:12" ht="48.6" customHeight="1" x14ac:dyDescent="0.3">
      <c r="A15" s="139" t="s">
        <v>214</v>
      </c>
      <c r="B15" s="139"/>
      <c r="C15" s="14"/>
      <c r="D15" s="14"/>
      <c r="E15" s="14"/>
      <c r="F15" s="14"/>
      <c r="G15" s="14"/>
    </row>
    <row r="16" spans="1:12" ht="15.6" customHeight="1" x14ac:dyDescent="0.3">
      <c r="A16" s="147" t="s">
        <v>174</v>
      </c>
      <c r="B16" s="147"/>
      <c r="C16" s="147"/>
      <c r="D16" s="147"/>
      <c r="E16" s="147"/>
      <c r="F16" s="148" t="s">
        <v>175</v>
      </c>
      <c r="G16" s="148"/>
      <c r="H16" s="148"/>
      <c r="I16" s="148"/>
      <c r="J16" s="148"/>
      <c r="K16" s="148"/>
      <c r="L16" s="148"/>
    </row>
    <row r="17" spans="1:23" ht="15" customHeight="1" x14ac:dyDescent="0.3">
      <c r="A17" s="147"/>
      <c r="B17" s="147"/>
      <c r="C17" s="147"/>
      <c r="D17" s="147"/>
      <c r="E17" s="147"/>
      <c r="F17" s="148"/>
      <c r="G17" s="148"/>
      <c r="H17" s="148"/>
      <c r="I17" s="148"/>
      <c r="J17" s="148"/>
      <c r="K17" s="148"/>
      <c r="L17" s="148"/>
    </row>
    <row r="18" spans="1:23" ht="43.95" customHeight="1" x14ac:dyDescent="0.3">
      <c r="A18" s="140" t="s">
        <v>26</v>
      </c>
      <c r="B18" s="140" t="s">
        <v>224</v>
      </c>
      <c r="C18" s="142" t="s">
        <v>185</v>
      </c>
      <c r="D18" s="142" t="s">
        <v>907</v>
      </c>
      <c r="E18" s="145" t="s">
        <v>236</v>
      </c>
      <c r="F18" s="59" t="s">
        <v>43</v>
      </c>
      <c r="G18" s="133" t="s">
        <v>233</v>
      </c>
      <c r="H18" s="134"/>
      <c r="I18" s="69" t="s">
        <v>27</v>
      </c>
      <c r="J18" s="128" t="s">
        <v>234</v>
      </c>
      <c r="K18" s="129"/>
      <c r="L18" s="130"/>
    </row>
    <row r="19" spans="1:23" ht="163.95" customHeight="1" x14ac:dyDescent="0.4">
      <c r="A19" s="141"/>
      <c r="B19" s="141"/>
      <c r="C19" s="142"/>
      <c r="D19" s="142"/>
      <c r="E19" s="146"/>
      <c r="F19" s="53" t="s">
        <v>216</v>
      </c>
      <c r="G19" s="19" t="s">
        <v>221</v>
      </c>
      <c r="H19" s="19" t="s">
        <v>222</v>
      </c>
      <c r="I19" s="21" t="s">
        <v>186</v>
      </c>
      <c r="J19" s="54" t="s">
        <v>247</v>
      </c>
      <c r="K19" s="54" t="s">
        <v>223</v>
      </c>
      <c r="L19" s="59" t="s">
        <v>225</v>
      </c>
    </row>
    <row r="20" spans="1:23" s="43" customFormat="1" ht="46.8" x14ac:dyDescent="0.3">
      <c r="A20" s="42" t="s">
        <v>6</v>
      </c>
      <c r="B20" s="42" t="s">
        <v>13</v>
      </c>
      <c r="C20" s="42">
        <v>100</v>
      </c>
      <c r="D20" s="42">
        <v>10</v>
      </c>
      <c r="E20" s="42" t="s">
        <v>242</v>
      </c>
      <c r="F20" s="100" t="s">
        <v>18</v>
      </c>
      <c r="G20" s="47">
        <v>0</v>
      </c>
      <c r="H20" s="47">
        <v>0</v>
      </c>
      <c r="I20" s="103" t="s">
        <v>206</v>
      </c>
      <c r="J20" s="47"/>
      <c r="K20" s="47">
        <v>0</v>
      </c>
      <c r="L20" s="74">
        <f>IFERROR((K20-J20)/J20,0)</f>
        <v>0</v>
      </c>
    </row>
    <row r="21" spans="1:23" s="43" customFormat="1" ht="62.4" x14ac:dyDescent="0.3">
      <c r="A21" s="42" t="s">
        <v>7</v>
      </c>
      <c r="B21" s="42" t="s">
        <v>14</v>
      </c>
      <c r="C21" s="42">
        <v>0.5</v>
      </c>
      <c r="D21" s="42">
        <v>5</v>
      </c>
      <c r="E21" s="42" t="s">
        <v>243</v>
      </c>
      <c r="F21" s="103" t="s">
        <v>205</v>
      </c>
      <c r="G21" s="47">
        <v>0</v>
      </c>
      <c r="H21" s="47">
        <v>0</v>
      </c>
      <c r="I21" s="103" t="s">
        <v>207</v>
      </c>
      <c r="J21" s="47"/>
      <c r="K21" s="47">
        <v>0</v>
      </c>
      <c r="L21" s="74">
        <f t="shared" ref="L21:L27" si="0">IFERROR((K21-J21)/J21,0)</f>
        <v>0</v>
      </c>
    </row>
    <row r="22" spans="1:23" s="43" customFormat="1" ht="62.4" x14ac:dyDescent="0.3">
      <c r="A22" s="42" t="s">
        <v>8</v>
      </c>
      <c r="B22" s="42" t="s">
        <v>15</v>
      </c>
      <c r="C22" s="42" t="s">
        <v>1</v>
      </c>
      <c r="D22" s="42">
        <v>25</v>
      </c>
      <c r="E22" s="42" t="s">
        <v>241</v>
      </c>
      <c r="F22" s="103" t="s">
        <v>53</v>
      </c>
      <c r="G22" s="47">
        <v>0</v>
      </c>
      <c r="H22" s="47">
        <v>0</v>
      </c>
      <c r="I22" s="103" t="s">
        <v>208</v>
      </c>
      <c r="J22" s="47"/>
      <c r="K22" s="47">
        <v>0</v>
      </c>
      <c r="L22" s="74">
        <f t="shared" si="0"/>
        <v>0</v>
      </c>
    </row>
    <row r="23" spans="1:23" s="43" customFormat="1" ht="109.2" x14ac:dyDescent="0.3">
      <c r="A23" s="42" t="s">
        <v>9</v>
      </c>
      <c r="B23" s="42" t="s">
        <v>16</v>
      </c>
      <c r="C23" s="42">
        <v>50</v>
      </c>
      <c r="D23" s="42">
        <v>5</v>
      </c>
      <c r="E23" s="42" t="s">
        <v>242</v>
      </c>
      <c r="F23" s="103" t="s">
        <v>51</v>
      </c>
      <c r="G23" s="47">
        <v>0</v>
      </c>
      <c r="H23" s="47">
        <v>0</v>
      </c>
      <c r="I23" s="103" t="s">
        <v>209</v>
      </c>
      <c r="J23" s="47"/>
      <c r="K23" s="47">
        <v>0</v>
      </c>
      <c r="L23" s="74">
        <f t="shared" si="0"/>
        <v>0</v>
      </c>
    </row>
    <row r="24" spans="1:23" s="43" customFormat="1" ht="78" x14ac:dyDescent="0.3">
      <c r="A24" s="42" t="s">
        <v>10</v>
      </c>
      <c r="B24" s="42" t="s">
        <v>17</v>
      </c>
      <c r="C24" s="42">
        <v>3</v>
      </c>
      <c r="D24" s="42">
        <v>25</v>
      </c>
      <c r="E24" s="42" t="s">
        <v>242</v>
      </c>
      <c r="F24" s="103" t="s">
        <v>44</v>
      </c>
      <c r="G24" s="47">
        <v>0</v>
      </c>
      <c r="H24" s="47">
        <v>0</v>
      </c>
      <c r="I24" s="103" t="s">
        <v>210</v>
      </c>
      <c r="J24" s="47"/>
      <c r="K24" s="47">
        <v>0</v>
      </c>
      <c r="L24" s="74">
        <f t="shared" si="0"/>
        <v>0</v>
      </c>
    </row>
    <row r="25" spans="1:23" s="43" customFormat="1" ht="62.4" x14ac:dyDescent="0.3">
      <c r="A25" s="42" t="s">
        <v>11</v>
      </c>
      <c r="B25" s="42" t="s">
        <v>36</v>
      </c>
      <c r="C25" s="42">
        <v>1</v>
      </c>
      <c r="D25" s="42">
        <v>10</v>
      </c>
      <c r="E25" s="42" t="s">
        <v>241</v>
      </c>
      <c r="F25" s="103" t="s">
        <v>46</v>
      </c>
      <c r="G25" s="47">
        <v>0</v>
      </c>
      <c r="H25" s="47">
        <v>0</v>
      </c>
      <c r="I25" s="103" t="s">
        <v>211</v>
      </c>
      <c r="J25" s="47"/>
      <c r="K25" s="47">
        <v>0</v>
      </c>
      <c r="L25" s="74">
        <f t="shared" si="0"/>
        <v>0</v>
      </c>
    </row>
    <row r="26" spans="1:23" s="43" customFormat="1" ht="78" x14ac:dyDescent="0.3">
      <c r="A26" s="42" t="s">
        <v>12</v>
      </c>
      <c r="B26" s="42" t="s">
        <v>37</v>
      </c>
      <c r="C26" s="42">
        <v>10</v>
      </c>
      <c r="D26" s="42">
        <v>10</v>
      </c>
      <c r="E26" s="42" t="s">
        <v>243</v>
      </c>
      <c r="F26" s="104" t="s">
        <v>915</v>
      </c>
      <c r="G26" s="47">
        <v>0</v>
      </c>
      <c r="H26" s="47">
        <v>0</v>
      </c>
      <c r="I26" s="103" t="s">
        <v>212</v>
      </c>
      <c r="J26" s="47"/>
      <c r="K26" s="47">
        <v>0</v>
      </c>
      <c r="L26" s="74">
        <f t="shared" si="0"/>
        <v>0</v>
      </c>
    </row>
    <row r="27" spans="1:23" s="43" customFormat="1" ht="46.8" x14ac:dyDescent="0.3">
      <c r="A27" s="42" t="s">
        <v>190</v>
      </c>
      <c r="B27" s="42" t="s">
        <v>191</v>
      </c>
      <c r="C27" s="42">
        <v>6</v>
      </c>
      <c r="D27" s="42">
        <v>6</v>
      </c>
      <c r="E27" s="42" t="s">
        <v>242</v>
      </c>
      <c r="F27" s="103" t="s">
        <v>45</v>
      </c>
      <c r="G27" s="47">
        <v>0</v>
      </c>
      <c r="H27" s="47">
        <v>0</v>
      </c>
      <c r="I27" s="103" t="s">
        <v>213</v>
      </c>
      <c r="J27" s="47"/>
      <c r="K27" s="47">
        <v>0</v>
      </c>
      <c r="L27" s="74">
        <f t="shared" si="0"/>
        <v>0</v>
      </c>
    </row>
    <row r="28" spans="1:23" ht="37.5" customHeight="1" x14ac:dyDescent="0.3">
      <c r="A28" s="7"/>
      <c r="B28" s="108" t="s">
        <v>906</v>
      </c>
      <c r="C28" s="109"/>
      <c r="D28" s="52">
        <f>SUM(D20:D27)</f>
        <v>96</v>
      </c>
      <c r="E28" s="35"/>
      <c r="F28" s="109" t="s">
        <v>176</v>
      </c>
      <c r="G28" s="48">
        <f>SUM(G20:G27)</f>
        <v>0</v>
      </c>
      <c r="H28" s="48">
        <f>SUM(H20:H27)</f>
        <v>0</v>
      </c>
      <c r="I28" s="144" t="s">
        <v>177</v>
      </c>
      <c r="J28" s="48">
        <f>SUM(J20:J27)</f>
        <v>0</v>
      </c>
      <c r="K28" s="48">
        <f>SUM(K20:K27)</f>
        <v>0</v>
      </c>
      <c r="L28" s="152"/>
    </row>
    <row r="29" spans="1:23" ht="12.6" customHeight="1" x14ac:dyDescent="0.3">
      <c r="A29" s="7"/>
      <c r="B29" s="110"/>
      <c r="C29" s="111"/>
      <c r="D29" s="27"/>
      <c r="E29" s="36" t="s">
        <v>22</v>
      </c>
      <c r="F29" s="111"/>
      <c r="G29" s="72"/>
      <c r="H29" s="56"/>
      <c r="I29" s="144"/>
      <c r="J29" s="22"/>
      <c r="K29" s="22"/>
      <c r="L29" s="153"/>
    </row>
    <row r="30" spans="1:23" ht="8.4" customHeight="1" x14ac:dyDescent="0.3">
      <c r="A30" s="17"/>
      <c r="B30" s="18"/>
      <c r="C30" s="18"/>
      <c r="D30" s="18"/>
      <c r="E30" s="26"/>
      <c r="F30" s="26"/>
      <c r="G30" s="26"/>
      <c r="H30" s="18"/>
      <c r="I30" s="18"/>
      <c r="J30" s="26"/>
      <c r="K30" s="26"/>
      <c r="L30" s="26"/>
    </row>
    <row r="31" spans="1:23" s="9" customFormat="1" ht="33" customHeight="1" x14ac:dyDescent="0.3">
      <c r="A31" s="149" t="s">
        <v>170</v>
      </c>
      <c r="B31" s="150"/>
      <c r="C31" s="150"/>
      <c r="D31" s="150"/>
      <c r="E31" s="150"/>
      <c r="F31" s="150"/>
      <c r="G31" s="151"/>
      <c r="H31" s="8">
        <f>H28</f>
        <v>0</v>
      </c>
      <c r="U31"/>
      <c r="V31"/>
      <c r="W31"/>
    </row>
    <row r="32" spans="1:23" ht="81" customHeight="1" x14ac:dyDescent="0.3">
      <c r="A32" s="121" t="s">
        <v>235</v>
      </c>
      <c r="B32" s="121"/>
      <c r="C32" s="121"/>
      <c r="D32" s="121"/>
      <c r="E32" s="121"/>
      <c r="F32" s="121"/>
      <c r="G32" s="122"/>
      <c r="H32" s="49">
        <v>0</v>
      </c>
    </row>
    <row r="33" spans="1:9" ht="29.25" customHeight="1" x14ac:dyDescent="0.3">
      <c r="A33" s="123" t="s">
        <v>178</v>
      </c>
      <c r="B33" s="124"/>
      <c r="C33" s="124"/>
      <c r="D33" s="124"/>
      <c r="E33" s="124"/>
      <c r="F33" s="124"/>
      <c r="G33" s="125"/>
      <c r="H33" s="40">
        <v>0</v>
      </c>
    </row>
    <row r="34" spans="1:9" ht="27" customHeight="1" x14ac:dyDescent="0.3">
      <c r="A34" s="126" t="s">
        <v>48</v>
      </c>
      <c r="B34" s="126"/>
      <c r="C34" s="126"/>
      <c r="D34" s="126"/>
      <c r="E34" s="126"/>
      <c r="F34" s="126"/>
      <c r="G34" s="127"/>
      <c r="H34" s="50">
        <v>0</v>
      </c>
    </row>
    <row r="35" spans="1:9" ht="40.200000000000003" customHeight="1" x14ac:dyDescent="0.3">
      <c r="A35" s="25" t="s">
        <v>34</v>
      </c>
      <c r="B35" s="131" t="s">
        <v>179</v>
      </c>
      <c r="C35" s="131"/>
      <c r="D35" s="131"/>
      <c r="E35" s="131"/>
      <c r="F35" s="131"/>
      <c r="G35" s="132"/>
      <c r="H35" s="40">
        <v>0</v>
      </c>
    </row>
    <row r="36" spans="1:9" ht="30" customHeight="1" x14ac:dyDescent="0.3">
      <c r="A36" s="136" t="s">
        <v>914</v>
      </c>
      <c r="B36" s="136"/>
      <c r="C36" s="136"/>
      <c r="D36" s="136"/>
      <c r="E36" s="136"/>
      <c r="F36" s="136"/>
      <c r="G36" s="136"/>
      <c r="H36" s="32"/>
      <c r="I36" s="10"/>
    </row>
    <row r="37" spans="1:9" x14ac:dyDescent="0.3">
      <c r="A37" s="1" t="s">
        <v>184</v>
      </c>
      <c r="B37" s="1"/>
    </row>
    <row r="38" spans="1:9" x14ac:dyDescent="0.3">
      <c r="A38" t="s">
        <v>30</v>
      </c>
    </row>
    <row r="39" spans="1:9" x14ac:dyDescent="0.3">
      <c r="A39" t="s">
        <v>31</v>
      </c>
    </row>
    <row r="40" spans="1:9" x14ac:dyDescent="0.3">
      <c r="A40" s="5" t="s">
        <v>19</v>
      </c>
    </row>
    <row r="41" spans="1:9" x14ac:dyDescent="0.3">
      <c r="A41" s="5" t="s">
        <v>20</v>
      </c>
    </row>
    <row r="42" spans="1:9" x14ac:dyDescent="0.3">
      <c r="A42" t="s">
        <v>187</v>
      </c>
    </row>
    <row r="43" spans="1:9" x14ac:dyDescent="0.3">
      <c r="A43" t="s">
        <v>32</v>
      </c>
    </row>
    <row r="44" spans="1:9" x14ac:dyDescent="0.3">
      <c r="A44" t="s">
        <v>21</v>
      </c>
    </row>
    <row r="46" spans="1:9" ht="25.8" x14ac:dyDescent="0.5">
      <c r="A46" s="6" t="s">
        <v>35</v>
      </c>
      <c r="E46" s="6" t="s">
        <v>913</v>
      </c>
    </row>
    <row r="47" spans="1:9" ht="15.6" customHeight="1" x14ac:dyDescent="0.3">
      <c r="A47" s="1" t="s">
        <v>5</v>
      </c>
      <c r="B47" s="1"/>
      <c r="C47" s="1"/>
      <c r="E47" s="135" t="s">
        <v>916</v>
      </c>
      <c r="F47" s="135"/>
      <c r="G47" s="135"/>
      <c r="H47" s="135"/>
    </row>
    <row r="48" spans="1:9" x14ac:dyDescent="0.3">
      <c r="A48" s="41"/>
      <c r="B48" s="41"/>
      <c r="C48" s="41"/>
      <c r="D48" s="43"/>
      <c r="E48" s="135"/>
      <c r="F48" s="135"/>
      <c r="G48" s="135"/>
      <c r="H48" s="135"/>
    </row>
    <row r="49" spans="1:8" ht="22.2" customHeight="1" thickBot="1" x14ac:dyDescent="0.35">
      <c r="A49" s="51"/>
      <c r="B49" s="51"/>
      <c r="C49" s="51"/>
      <c r="D49" s="43"/>
      <c r="E49" s="32"/>
      <c r="G49" s="32"/>
      <c r="H49" s="32"/>
    </row>
    <row r="50" spans="1:8" x14ac:dyDescent="0.3">
      <c r="A50" s="1" t="s">
        <v>4</v>
      </c>
      <c r="B50" s="1"/>
      <c r="C50" t="s">
        <v>23</v>
      </c>
      <c r="F50" s="32"/>
    </row>
    <row r="51" spans="1:8" x14ac:dyDescent="0.3">
      <c r="A51" s="43"/>
      <c r="B51" s="43"/>
      <c r="C51" s="43"/>
      <c r="D51" s="43"/>
      <c r="E51" s="43"/>
      <c r="F51" s="43"/>
      <c r="G51" s="43"/>
    </row>
    <row r="52" spans="1:8" ht="22.2" customHeight="1" thickBot="1" x14ac:dyDescent="0.35">
      <c r="A52" s="51"/>
      <c r="B52" s="51"/>
      <c r="C52" s="51"/>
      <c r="D52" s="43"/>
      <c r="E52" s="43"/>
      <c r="F52" s="43"/>
      <c r="G52" s="43"/>
    </row>
    <row r="53" spans="1:8" x14ac:dyDescent="0.3">
      <c r="A53" s="1" t="s">
        <v>173</v>
      </c>
      <c r="B53" s="1"/>
      <c r="C53" t="s">
        <v>23</v>
      </c>
    </row>
    <row r="56" spans="1:8" x14ac:dyDescent="0.3">
      <c r="C56" s="1"/>
    </row>
    <row r="57" spans="1:8" x14ac:dyDescent="0.3">
      <c r="A57" t="s">
        <v>24</v>
      </c>
    </row>
    <row r="58" spans="1:8" x14ac:dyDescent="0.3">
      <c r="A58" t="s">
        <v>24</v>
      </c>
    </row>
    <row r="60" spans="1:8" ht="18" x14ac:dyDescent="0.35">
      <c r="A60" s="4" t="s">
        <v>22</v>
      </c>
    </row>
  </sheetData>
  <sheetProtection formatCells="0" formatColumns="0" formatRows="0" selectLockedCells="1"/>
  <mergeCells count="34">
    <mergeCell ref="A33:G33"/>
    <mergeCell ref="A34:G34"/>
    <mergeCell ref="B35:G35"/>
    <mergeCell ref="A36:G36"/>
    <mergeCell ref="E47:H48"/>
    <mergeCell ref="A32:G32"/>
    <mergeCell ref="A15:B15"/>
    <mergeCell ref="A16:E17"/>
    <mergeCell ref="F16:L17"/>
    <mergeCell ref="A18:A19"/>
    <mergeCell ref="B18:B19"/>
    <mergeCell ref="C18:C19"/>
    <mergeCell ref="D18:D19"/>
    <mergeCell ref="E18:E19"/>
    <mergeCell ref="G18:H18"/>
    <mergeCell ref="J18:L18"/>
    <mergeCell ref="B28:C29"/>
    <mergeCell ref="F28:F29"/>
    <mergeCell ref="I28:I29"/>
    <mergeCell ref="L28:L29"/>
    <mergeCell ref="A31:G31"/>
    <mergeCell ref="C14:D14"/>
    <mergeCell ref="A3:J3"/>
    <mergeCell ref="A4:G4"/>
    <mergeCell ref="F5:G5"/>
    <mergeCell ref="D6:E6"/>
    <mergeCell ref="F6:G6"/>
    <mergeCell ref="D7:E7"/>
    <mergeCell ref="F7:G7"/>
    <mergeCell ref="D8:E8"/>
    <mergeCell ref="F8:G8"/>
    <mergeCell ref="A12:D12"/>
    <mergeCell ref="G12:J12"/>
    <mergeCell ref="C13:D13"/>
  </mergeCells>
  <dataValidations count="5">
    <dataValidation type="list" allowBlank="1" showInputMessage="1" promptTitle="Select Band Number from list" sqref="C6" xr:uid="{A390ED0F-6811-40CD-BC07-28D30F45009F}">
      <formula1>#REF!</formula1>
    </dataValidation>
    <dataValidation type="list" allowBlank="1" showInputMessage="1" sqref="H6" xr:uid="{AF490C04-DD9D-42D8-BBFE-78C1C939702A}">
      <formula1>#REF!</formula1>
    </dataValidation>
    <dataValidation type="list" allowBlank="1" showInputMessage="1" promptTitle="Further Information" prompt="If requesting Parental Assistance or Special Supports, please complete Additional Information tab" sqref="E20:E27" xr:uid="{A39B3E4A-630A-4D28-B43A-F266EEE83999}">
      <formula1>"To/From Bus, To/From Water, Parental Assistance, Bus Passes, Special Supports, Other (please explain in Description of Transportation Services or Proposed enhanced services)"</formula1>
    </dataValidation>
    <dataValidation allowBlank="1" showInputMessage="1" promptTitle="Funding Increase" prompt="If increase is higher than 15%, please provide details in the Additional Information Tab" sqref="K20:K27" xr:uid="{41FA4DFB-01ED-42C5-A404-35F44CBD64B4}"/>
    <dataValidation type="list" allowBlank="1" showInputMessage="1" showErrorMessage="1" sqref="B10:D10" xr:uid="{457F2DE6-04B2-4DD8-B43C-40A6CB28B3B5}">
      <formula1>"Status Quo, Revision to Previous Joint Plan, New Joint Plan"</formula1>
    </dataValidation>
  </dataValidations>
  <hyperlinks>
    <hyperlink ref="F26" r:id="rId1" display="free ferry travel" xr:uid="{81A28B3E-2DA0-4F75-A929-385EAB7ECBDC}"/>
  </hyperlinks>
  <pageMargins left="0.7" right="0.7" top="0.75" bottom="0.75" header="0.3" footer="0.3"/>
  <pageSetup paperSize="5" scale="53" fitToHeight="0" orientation="landscape" r:id="rId2"/>
  <rowBreaks count="1" manualBreakCount="1">
    <brk id="22" max="16383" man="1"/>
  </rowBreaks>
  <drawing r:id="rId3"/>
  <extLst>
    <ext xmlns:x14="http://schemas.microsoft.com/office/spreadsheetml/2009/9/main" uri="{CCE6A557-97BC-4b89-ADB6-D9C93CAAB3DF}">
      <x14:dataValidations xmlns:xm="http://schemas.microsoft.com/office/excel/2006/main" count="2">
        <x14:dataValidation type="list" allowBlank="1" showInputMessage="1" xr:uid="{DD688336-0A37-4A64-8D81-E3A556032C18}">
          <x14:formula1>
            <xm:f>'Pre-populated data'!$H$2:$H$240</xm:f>
          </x14:formula1>
          <xm:sqref>F6:G6</xm:sqref>
        </x14:dataValidation>
        <x14:dataValidation type="list" allowBlank="1" showInputMessage="1" promptTitle="Select Band Number from list" xr:uid="{A5673316-113E-4564-A87B-A564B90B8ADF}">
          <x14:formula1>
            <xm:f>'Pre-populated data'!$E$2:$E$239</xm:f>
          </x14:formula1>
          <xm:sqref>B6</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E31F839-48D3-4C22-B3BC-19A27AEB095B}">
  <sheetPr>
    <tabColor rgb="FFFFFF00"/>
  </sheetPr>
  <dimension ref="A1:K23"/>
  <sheetViews>
    <sheetView topLeftCell="A20" zoomScale="120" zoomScaleNormal="120" workbookViewId="0">
      <selection activeCell="A28" sqref="A28"/>
    </sheetView>
  </sheetViews>
  <sheetFormatPr defaultRowHeight="15.6" x14ac:dyDescent="0.3"/>
  <cols>
    <col min="1" max="1" width="43.59765625" customWidth="1"/>
    <col min="2" max="2" width="15.19921875" customWidth="1"/>
    <col min="3" max="3" width="14.69921875" customWidth="1"/>
    <col min="4" max="4" width="41.09765625" customWidth="1"/>
  </cols>
  <sheetData>
    <row r="1" spans="1:11" x14ac:dyDescent="0.3">
      <c r="A1" s="181" t="s">
        <v>217</v>
      </c>
      <c r="B1" s="181"/>
      <c r="C1" s="181"/>
      <c r="D1" s="181"/>
    </row>
    <row r="2" spans="1:11" ht="31.2" x14ac:dyDescent="0.3">
      <c r="A2" s="13" t="s">
        <v>148</v>
      </c>
      <c r="B2" s="68" t="s">
        <v>228</v>
      </c>
      <c r="C2" s="67" t="s">
        <v>226</v>
      </c>
      <c r="D2" s="28" t="s">
        <v>227</v>
      </c>
    </row>
    <row r="3" spans="1:11" x14ac:dyDescent="0.3">
      <c r="A3" s="15" t="s">
        <v>123</v>
      </c>
      <c r="B3" s="24"/>
      <c r="C3" s="55"/>
      <c r="D3" s="177"/>
    </row>
    <row r="4" spans="1:11" x14ac:dyDescent="0.3">
      <c r="A4" s="15" t="s">
        <v>124</v>
      </c>
      <c r="B4" s="24"/>
      <c r="C4" s="55"/>
      <c r="D4" s="178"/>
    </row>
    <row r="5" spans="1:11" ht="31.2" x14ac:dyDescent="0.3">
      <c r="A5" s="16" t="s">
        <v>188</v>
      </c>
      <c r="B5" s="60"/>
      <c r="C5" s="55"/>
      <c r="D5" s="178"/>
    </row>
    <row r="6" spans="1:11" x14ac:dyDescent="0.3">
      <c r="A6" s="15" t="s">
        <v>125</v>
      </c>
      <c r="B6" s="24"/>
      <c r="C6" s="55"/>
      <c r="D6" s="178"/>
    </row>
    <row r="7" spans="1:11" x14ac:dyDescent="0.3">
      <c r="A7" s="15" t="s">
        <v>140</v>
      </c>
      <c r="B7" s="24"/>
      <c r="C7" s="55"/>
      <c r="D7" s="178"/>
    </row>
    <row r="8" spans="1:11" x14ac:dyDescent="0.3">
      <c r="A8" s="15" t="s">
        <v>180</v>
      </c>
      <c r="B8" s="24"/>
      <c r="C8" s="55"/>
      <c r="D8" s="179"/>
    </row>
    <row r="9" spans="1:11" x14ac:dyDescent="0.3">
      <c r="A9" s="24" t="s">
        <v>2</v>
      </c>
      <c r="B9" s="24"/>
      <c r="C9" s="13">
        <f>SUM(C3:C8)</f>
        <v>0</v>
      </c>
      <c r="D9" s="29"/>
    </row>
    <row r="11" spans="1:11" x14ac:dyDescent="0.3">
      <c r="A11" t="s">
        <v>189</v>
      </c>
      <c r="K11" s="15"/>
    </row>
    <row r="12" spans="1:11" x14ac:dyDescent="0.3">
      <c r="A12" s="181"/>
      <c r="B12" s="181"/>
      <c r="C12" s="181"/>
      <c r="D12" s="181"/>
    </row>
    <row r="13" spans="1:11" ht="30" customHeight="1" x14ac:dyDescent="0.3">
      <c r="A13" s="180" t="s">
        <v>248</v>
      </c>
      <c r="B13" s="180"/>
      <c r="C13" s="180"/>
      <c r="D13" s="180"/>
    </row>
    <row r="14" spans="1:11" ht="106.95" customHeight="1" x14ac:dyDescent="0.3">
      <c r="A14" s="172"/>
      <c r="B14" s="172"/>
      <c r="C14" s="172"/>
      <c r="D14" s="172"/>
    </row>
    <row r="15" spans="1:11" x14ac:dyDescent="0.3">
      <c r="A15" s="38"/>
    </row>
    <row r="16" spans="1:11" ht="15.6" customHeight="1" x14ac:dyDescent="0.3">
      <c r="A16" s="182" t="s">
        <v>837</v>
      </c>
      <c r="B16" s="182"/>
      <c r="C16" s="182"/>
      <c r="D16" s="182"/>
    </row>
    <row r="17" spans="1:4" ht="97.95" customHeight="1" x14ac:dyDescent="0.3">
      <c r="A17" s="174" t="s">
        <v>833</v>
      </c>
      <c r="B17" s="175"/>
      <c r="C17" s="175"/>
      <c r="D17" s="175"/>
    </row>
    <row r="18" spans="1:4" ht="55.95" customHeight="1" x14ac:dyDescent="0.3">
      <c r="A18" s="176" t="s">
        <v>249</v>
      </c>
      <c r="B18" s="176"/>
      <c r="C18" s="176"/>
      <c r="D18" s="176"/>
    </row>
    <row r="19" spans="1:4" ht="103.95" customHeight="1" x14ac:dyDescent="0.3">
      <c r="A19" s="172"/>
      <c r="B19" s="172"/>
      <c r="C19" s="172"/>
      <c r="D19" s="172"/>
    </row>
    <row r="21" spans="1:4" x14ac:dyDescent="0.3">
      <c r="A21" s="173" t="s">
        <v>246</v>
      </c>
      <c r="B21" s="173"/>
      <c r="C21" s="173"/>
      <c r="D21" s="173"/>
    </row>
    <row r="22" spans="1:4" ht="86.4" customHeight="1" x14ac:dyDescent="0.3">
      <c r="A22" s="176" t="s">
        <v>836</v>
      </c>
      <c r="B22" s="176"/>
      <c r="C22" s="176"/>
      <c r="D22" s="176"/>
    </row>
    <row r="23" spans="1:4" ht="108.6" customHeight="1" x14ac:dyDescent="0.3">
      <c r="A23" s="172"/>
      <c r="B23" s="172"/>
      <c r="C23" s="172"/>
      <c r="D23" s="172"/>
    </row>
  </sheetData>
  <mergeCells count="12">
    <mergeCell ref="D3:D8"/>
    <mergeCell ref="A13:D13"/>
    <mergeCell ref="A12:D12"/>
    <mergeCell ref="A18:D18"/>
    <mergeCell ref="A1:D1"/>
    <mergeCell ref="A14:D14"/>
    <mergeCell ref="A16:D16"/>
    <mergeCell ref="A23:D23"/>
    <mergeCell ref="A21:D21"/>
    <mergeCell ref="A19:D19"/>
    <mergeCell ref="A17:D17"/>
    <mergeCell ref="A22:D22"/>
  </mergeCells>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1596B0-9F70-4C34-8CBA-50586C8C6CCC}">
  <dimension ref="A1:BO313"/>
  <sheetViews>
    <sheetView workbookViewId="0">
      <selection activeCell="BL1" sqref="BL1"/>
    </sheetView>
  </sheetViews>
  <sheetFormatPr defaultRowHeight="15.6" x14ac:dyDescent="0.3"/>
  <cols>
    <col min="1" max="1" width="17.59765625" customWidth="1"/>
    <col min="2" max="3" width="9.59765625" customWidth="1"/>
    <col min="4" max="5" width="15.59765625" customWidth="1"/>
    <col min="7" max="7" width="17.59765625" customWidth="1"/>
    <col min="8" max="8" width="9.59765625" customWidth="1"/>
    <col min="9" max="9" width="37.19921875" customWidth="1"/>
    <col min="11" max="11" width="12.19921875" customWidth="1"/>
    <col min="13" max="13" width="17.69921875" customWidth="1"/>
    <col min="14" max="14" width="40.69921875" customWidth="1"/>
    <col min="15" max="15" width="15.09765625" customWidth="1"/>
    <col min="16" max="23" width="51.3984375" customWidth="1"/>
    <col min="24" max="31" width="34.69921875" customWidth="1"/>
    <col min="32" max="39" width="37.59765625" customWidth="1"/>
    <col min="40" max="47" width="44" customWidth="1"/>
    <col min="48" max="55" width="30.69921875" customWidth="1"/>
    <col min="56" max="63" width="28" customWidth="1"/>
    <col min="64" max="66" width="51.3984375" customWidth="1"/>
  </cols>
  <sheetData>
    <row r="1" spans="1:67" s="32" customFormat="1" ht="52.95" customHeight="1" x14ac:dyDescent="0.3">
      <c r="A1" s="75" t="s">
        <v>54</v>
      </c>
      <c r="B1" s="75" t="s">
        <v>250</v>
      </c>
      <c r="C1" s="76"/>
      <c r="D1" s="32" t="s">
        <v>55</v>
      </c>
      <c r="E1" s="32" t="s">
        <v>251</v>
      </c>
      <c r="G1" s="75" t="s">
        <v>54</v>
      </c>
      <c r="H1" s="75" t="s">
        <v>250</v>
      </c>
      <c r="I1" s="77" t="s">
        <v>55</v>
      </c>
      <c r="J1" s="77" t="s">
        <v>252</v>
      </c>
      <c r="K1" s="77" t="s">
        <v>169</v>
      </c>
      <c r="L1" s="11" t="s">
        <v>113</v>
      </c>
      <c r="M1" s="11" t="s">
        <v>114</v>
      </c>
      <c r="N1" s="11" t="s">
        <v>115</v>
      </c>
      <c r="O1" s="11" t="s">
        <v>203</v>
      </c>
      <c r="P1" s="32" t="s">
        <v>195</v>
      </c>
      <c r="Q1" s="32" t="s">
        <v>196</v>
      </c>
      <c r="R1" s="32" t="s">
        <v>197</v>
      </c>
      <c r="S1" s="32" t="s">
        <v>198</v>
      </c>
      <c r="T1" s="32" t="s">
        <v>199</v>
      </c>
      <c r="U1" s="32" t="s">
        <v>200</v>
      </c>
      <c r="V1" s="32" t="s">
        <v>201</v>
      </c>
      <c r="W1" s="32" t="s">
        <v>202</v>
      </c>
      <c r="X1" s="11" t="s">
        <v>149</v>
      </c>
      <c r="Y1" s="11" t="s">
        <v>150</v>
      </c>
      <c r="Z1" s="11" t="s">
        <v>151</v>
      </c>
      <c r="AA1" s="11" t="s">
        <v>152</v>
      </c>
      <c r="AB1" s="11" t="s">
        <v>153</v>
      </c>
      <c r="AC1" s="11" t="s">
        <v>154</v>
      </c>
      <c r="AD1" s="11" t="s">
        <v>155</v>
      </c>
      <c r="AE1" s="11" t="s">
        <v>192</v>
      </c>
      <c r="AF1" s="11" t="s">
        <v>116</v>
      </c>
      <c r="AG1" s="11" t="s">
        <v>117</v>
      </c>
      <c r="AH1" s="11" t="s">
        <v>118</v>
      </c>
      <c r="AI1" s="11" t="s">
        <v>119</v>
      </c>
      <c r="AJ1" s="11" t="s">
        <v>120</v>
      </c>
      <c r="AK1" s="11" t="s">
        <v>121</v>
      </c>
      <c r="AL1" s="11" t="s">
        <v>122</v>
      </c>
      <c r="AM1" s="11" t="s">
        <v>193</v>
      </c>
      <c r="AN1" s="11" t="s">
        <v>141</v>
      </c>
      <c r="AO1" s="11" t="s">
        <v>142</v>
      </c>
      <c r="AP1" s="11" t="s">
        <v>143</v>
      </c>
      <c r="AQ1" s="11" t="s">
        <v>144</v>
      </c>
      <c r="AR1" s="11" t="s">
        <v>145</v>
      </c>
      <c r="AS1" s="11" t="s">
        <v>146</v>
      </c>
      <c r="AT1" s="11" t="s">
        <v>147</v>
      </c>
      <c r="AU1" s="11" t="s">
        <v>194</v>
      </c>
      <c r="AV1" s="11" t="s">
        <v>126</v>
      </c>
      <c r="AW1" s="11" t="s">
        <v>127</v>
      </c>
      <c r="AX1" s="11" t="s">
        <v>128</v>
      </c>
      <c r="AY1" s="11" t="s">
        <v>129</v>
      </c>
      <c r="AZ1" s="11" t="s">
        <v>130</v>
      </c>
      <c r="BA1" s="11" t="s">
        <v>131</v>
      </c>
      <c r="BB1" s="11" t="s">
        <v>132</v>
      </c>
      <c r="BC1" s="11" t="s">
        <v>172</v>
      </c>
      <c r="BD1" s="11" t="s">
        <v>133</v>
      </c>
      <c r="BE1" s="11" t="s">
        <v>134</v>
      </c>
      <c r="BF1" s="11" t="s">
        <v>135</v>
      </c>
      <c r="BG1" s="11" t="s">
        <v>136</v>
      </c>
      <c r="BH1" s="11" t="s">
        <v>137</v>
      </c>
      <c r="BI1" s="11" t="s">
        <v>138</v>
      </c>
      <c r="BJ1" s="11" t="s">
        <v>139</v>
      </c>
      <c r="BK1" s="11" t="s">
        <v>171</v>
      </c>
      <c r="BL1" s="11" t="s">
        <v>906</v>
      </c>
      <c r="BM1" s="11" t="s">
        <v>49</v>
      </c>
      <c r="BN1" s="11" t="s">
        <v>25</v>
      </c>
      <c r="BO1" s="76"/>
    </row>
    <row r="2" spans="1:67" ht="31.2" x14ac:dyDescent="0.3">
      <c r="A2" s="97" t="s">
        <v>834</v>
      </c>
      <c r="B2" s="95">
        <v>1</v>
      </c>
      <c r="C2" s="80"/>
      <c r="D2" s="32" t="s">
        <v>835</v>
      </c>
      <c r="E2" s="32">
        <v>100</v>
      </c>
      <c r="G2" s="97" t="s">
        <v>834</v>
      </c>
      <c r="H2" s="95">
        <v>1</v>
      </c>
      <c r="I2" s="98" t="s">
        <v>835</v>
      </c>
      <c r="J2" s="96">
        <v>100</v>
      </c>
      <c r="K2" s="82">
        <v>19</v>
      </c>
      <c r="L2">
        <v>1</v>
      </c>
      <c r="N2">
        <v>26</v>
      </c>
    </row>
    <row r="3" spans="1:67" x14ac:dyDescent="0.3">
      <c r="A3" s="78" t="s">
        <v>71</v>
      </c>
      <c r="B3" s="79">
        <v>5</v>
      </c>
      <c r="C3" s="80"/>
      <c r="D3" t="s">
        <v>59</v>
      </c>
      <c r="E3">
        <v>501</v>
      </c>
      <c r="G3" s="78" t="s">
        <v>71</v>
      </c>
      <c r="H3" s="79">
        <v>5</v>
      </c>
      <c r="I3" s="81" t="s">
        <v>253</v>
      </c>
      <c r="J3" s="81">
        <v>602</v>
      </c>
      <c r="K3" s="82">
        <v>19</v>
      </c>
    </row>
    <row r="4" spans="1:67" x14ac:dyDescent="0.3">
      <c r="A4" s="78" t="s">
        <v>71</v>
      </c>
      <c r="B4" s="79">
        <v>5</v>
      </c>
      <c r="C4" s="80"/>
      <c r="D4" t="s">
        <v>254</v>
      </c>
      <c r="E4">
        <v>530</v>
      </c>
      <c r="G4" s="78" t="s">
        <v>71</v>
      </c>
      <c r="H4" s="79">
        <v>5</v>
      </c>
      <c r="I4" s="81" t="s">
        <v>255</v>
      </c>
      <c r="J4" s="81">
        <v>603</v>
      </c>
      <c r="K4" s="82">
        <v>4</v>
      </c>
      <c r="L4" s="11">
        <v>5</v>
      </c>
      <c r="M4" s="11">
        <v>603</v>
      </c>
      <c r="N4" s="11">
        <v>26</v>
      </c>
      <c r="O4" s="11" t="s">
        <v>204</v>
      </c>
      <c r="P4" s="32">
        <v>38</v>
      </c>
      <c r="Q4" s="32">
        <v>60</v>
      </c>
      <c r="R4" s="32">
        <v>11</v>
      </c>
      <c r="S4" s="32">
        <v>10</v>
      </c>
      <c r="T4" s="32">
        <v>10</v>
      </c>
      <c r="U4" s="32">
        <v>10</v>
      </c>
      <c r="V4" s="32">
        <v>12</v>
      </c>
      <c r="W4" s="32">
        <v>0</v>
      </c>
      <c r="X4" s="11" t="s">
        <v>256</v>
      </c>
      <c r="Y4" s="11" t="s">
        <v>256</v>
      </c>
      <c r="Z4" s="11" t="s">
        <v>256</v>
      </c>
      <c r="AA4" s="11" t="s">
        <v>256</v>
      </c>
      <c r="AB4" s="11" t="s">
        <v>256</v>
      </c>
      <c r="AC4" s="11" t="s">
        <v>256</v>
      </c>
      <c r="AD4" s="11">
        <v>0</v>
      </c>
      <c r="AE4" s="11">
        <v>0</v>
      </c>
      <c r="AF4" s="11" t="s">
        <v>219</v>
      </c>
      <c r="AG4" s="11" t="s">
        <v>257</v>
      </c>
      <c r="AH4" s="11" t="s">
        <v>257</v>
      </c>
      <c r="AI4" s="11" t="s">
        <v>257</v>
      </c>
      <c r="AJ4" s="11" t="s">
        <v>257</v>
      </c>
      <c r="AK4" s="11" t="s">
        <v>257</v>
      </c>
      <c r="AL4" s="11" t="s">
        <v>257</v>
      </c>
      <c r="AM4" s="11">
        <v>0</v>
      </c>
      <c r="AN4" s="83">
        <v>19986</v>
      </c>
      <c r="AO4" s="83">
        <v>19986</v>
      </c>
      <c r="AP4" s="83">
        <v>15998</v>
      </c>
      <c r="AQ4" s="83">
        <v>15998</v>
      </c>
      <c r="AR4" s="83">
        <v>15998</v>
      </c>
      <c r="AS4" s="83">
        <v>15998</v>
      </c>
      <c r="AT4" s="83">
        <v>15998</v>
      </c>
      <c r="AU4" s="83">
        <v>0</v>
      </c>
      <c r="AV4" s="11" t="s">
        <v>220</v>
      </c>
      <c r="AW4" s="11" t="s">
        <v>218</v>
      </c>
      <c r="AX4" s="11">
        <v>0</v>
      </c>
      <c r="AY4" s="11">
        <v>0</v>
      </c>
      <c r="AZ4" s="11">
        <v>0</v>
      </c>
      <c r="BA4" s="11">
        <v>0</v>
      </c>
      <c r="BB4" s="11">
        <v>0</v>
      </c>
      <c r="BC4" s="11">
        <v>0</v>
      </c>
      <c r="BD4" s="83">
        <v>34400</v>
      </c>
      <c r="BE4" s="83">
        <v>5387</v>
      </c>
      <c r="BF4" s="83">
        <v>0</v>
      </c>
      <c r="BG4" s="83">
        <v>0</v>
      </c>
      <c r="BH4" s="83">
        <v>0</v>
      </c>
      <c r="BI4" s="83">
        <v>0</v>
      </c>
      <c r="BJ4" s="83">
        <v>0</v>
      </c>
      <c r="BK4" s="83">
        <v>0</v>
      </c>
      <c r="BL4" s="11">
        <v>26</v>
      </c>
      <c r="BM4" s="83">
        <v>119962</v>
      </c>
      <c r="BN4" s="83">
        <v>39787</v>
      </c>
    </row>
    <row r="5" spans="1:67" x14ac:dyDescent="0.3">
      <c r="A5" s="78" t="s">
        <v>72</v>
      </c>
      <c r="B5" s="79">
        <v>6</v>
      </c>
      <c r="C5" s="80"/>
      <c r="D5" t="s">
        <v>60</v>
      </c>
      <c r="E5">
        <v>531</v>
      </c>
      <c r="G5" s="78" t="s">
        <v>72</v>
      </c>
      <c r="H5" s="79">
        <v>6</v>
      </c>
      <c r="I5" s="81" t="s">
        <v>258</v>
      </c>
      <c r="J5" s="81">
        <v>604</v>
      </c>
      <c r="K5" s="82">
        <v>12</v>
      </c>
      <c r="L5">
        <v>6</v>
      </c>
      <c r="M5">
        <v>604</v>
      </c>
      <c r="N5">
        <v>13</v>
      </c>
      <c r="O5" t="s">
        <v>259</v>
      </c>
      <c r="P5">
        <v>12</v>
      </c>
      <c r="Q5">
        <v>11</v>
      </c>
      <c r="R5">
        <v>2</v>
      </c>
      <c r="S5">
        <v>0</v>
      </c>
      <c r="T5">
        <v>0</v>
      </c>
      <c r="U5">
        <v>0</v>
      </c>
      <c r="V5">
        <v>0</v>
      </c>
      <c r="W5">
        <v>0</v>
      </c>
      <c r="X5" t="s">
        <v>256</v>
      </c>
      <c r="Y5" t="s">
        <v>256</v>
      </c>
      <c r="Z5" t="s">
        <v>256</v>
      </c>
      <c r="AA5">
        <v>0</v>
      </c>
      <c r="AB5">
        <v>0</v>
      </c>
      <c r="AC5">
        <v>0</v>
      </c>
      <c r="AD5">
        <v>0</v>
      </c>
      <c r="AE5">
        <v>0</v>
      </c>
      <c r="AF5" t="s">
        <v>260</v>
      </c>
      <c r="AG5" t="s">
        <v>260</v>
      </c>
      <c r="AH5" t="s">
        <v>260</v>
      </c>
      <c r="AI5">
        <v>0</v>
      </c>
      <c r="AJ5">
        <v>0</v>
      </c>
      <c r="AK5">
        <v>0</v>
      </c>
      <c r="AL5">
        <v>0</v>
      </c>
      <c r="AM5" s="37">
        <v>0</v>
      </c>
      <c r="AN5" s="37">
        <v>4649.3999999999996</v>
      </c>
      <c r="AO5" s="37">
        <v>1162.3499999999999</v>
      </c>
      <c r="AP5" s="37">
        <v>9298.7999999999993</v>
      </c>
      <c r="AQ5" s="37">
        <v>0</v>
      </c>
      <c r="AR5" s="37">
        <v>0</v>
      </c>
      <c r="AS5" s="37">
        <v>0</v>
      </c>
      <c r="AT5" s="37">
        <v>0</v>
      </c>
      <c r="AU5" s="37">
        <v>0</v>
      </c>
      <c r="AV5" t="s">
        <v>261</v>
      </c>
      <c r="AW5" t="s">
        <v>261</v>
      </c>
      <c r="AX5" t="s">
        <v>261</v>
      </c>
      <c r="AY5">
        <v>0</v>
      </c>
      <c r="AZ5">
        <v>0</v>
      </c>
      <c r="BA5">
        <v>0</v>
      </c>
      <c r="BB5">
        <v>0</v>
      </c>
      <c r="BC5" s="37">
        <v>0</v>
      </c>
      <c r="BD5" s="37">
        <v>800.80000000000007</v>
      </c>
      <c r="BE5" s="37">
        <v>200.20000000000002</v>
      </c>
      <c r="BF5" s="37">
        <v>1601.6000000000001</v>
      </c>
      <c r="BG5" s="37">
        <v>0</v>
      </c>
      <c r="BH5" s="37">
        <v>0</v>
      </c>
      <c r="BI5" s="37">
        <v>0</v>
      </c>
      <c r="BJ5" s="37">
        <v>0</v>
      </c>
      <c r="BK5" s="37">
        <v>0</v>
      </c>
      <c r="BL5">
        <v>13</v>
      </c>
      <c r="BM5" s="37">
        <v>15110.55</v>
      </c>
      <c r="BN5" s="37">
        <v>2602.6000000000004</v>
      </c>
    </row>
    <row r="6" spans="1:67" x14ac:dyDescent="0.3">
      <c r="A6" s="78" t="s">
        <v>72</v>
      </c>
      <c r="B6" s="79">
        <v>6</v>
      </c>
      <c r="C6" s="80"/>
      <c r="D6" t="s">
        <v>56</v>
      </c>
      <c r="E6">
        <v>532</v>
      </c>
      <c r="G6" s="78" t="s">
        <v>72</v>
      </c>
      <c r="H6" s="79">
        <v>6</v>
      </c>
      <c r="I6" s="81" t="s">
        <v>262</v>
      </c>
      <c r="J6" s="81">
        <v>605</v>
      </c>
      <c r="K6" s="82">
        <v>31</v>
      </c>
      <c r="L6">
        <v>6</v>
      </c>
      <c r="M6">
        <v>605</v>
      </c>
      <c r="N6">
        <v>32</v>
      </c>
      <c r="O6" t="s">
        <v>204</v>
      </c>
      <c r="P6">
        <v>2</v>
      </c>
      <c r="Q6">
        <v>1</v>
      </c>
      <c r="R6">
        <v>2</v>
      </c>
      <c r="S6">
        <v>4</v>
      </c>
      <c r="T6">
        <v>1</v>
      </c>
      <c r="U6">
        <v>1</v>
      </c>
      <c r="V6">
        <v>14</v>
      </c>
      <c r="W6">
        <v>18</v>
      </c>
      <c r="X6" t="s">
        <v>256</v>
      </c>
      <c r="Y6" t="s">
        <v>256</v>
      </c>
      <c r="Z6" t="s">
        <v>256</v>
      </c>
      <c r="AA6" t="s">
        <v>256</v>
      </c>
      <c r="AB6" t="s">
        <v>256</v>
      </c>
      <c r="AC6" t="s">
        <v>256</v>
      </c>
      <c r="AD6" t="s">
        <v>256</v>
      </c>
      <c r="AE6">
        <v>0</v>
      </c>
      <c r="AF6" t="s">
        <v>260</v>
      </c>
      <c r="AG6" t="s">
        <v>263</v>
      </c>
      <c r="AH6" t="s">
        <v>263</v>
      </c>
      <c r="AI6" t="s">
        <v>263</v>
      </c>
      <c r="AJ6" t="s">
        <v>263</v>
      </c>
      <c r="AK6" t="s">
        <v>263</v>
      </c>
      <c r="AL6" t="s">
        <v>264</v>
      </c>
      <c r="AM6" t="s">
        <v>264</v>
      </c>
      <c r="AN6" s="37">
        <v>1162.3499999999999</v>
      </c>
      <c r="AO6" s="37">
        <v>2324.6999999999998</v>
      </c>
      <c r="AP6" s="37">
        <v>1162.3499999999999</v>
      </c>
      <c r="AQ6" s="37">
        <v>1162.3499999999999</v>
      </c>
      <c r="AR6" s="37">
        <v>2324.6999999999998</v>
      </c>
      <c r="AS6" s="37">
        <v>2324.6999999999998</v>
      </c>
      <c r="AT6" s="37">
        <v>1162.3499999999999</v>
      </c>
      <c r="AU6" s="37">
        <v>1162.3499999999999</v>
      </c>
      <c r="AV6" t="s">
        <v>265</v>
      </c>
      <c r="AW6" t="s">
        <v>265</v>
      </c>
      <c r="AX6" t="s">
        <v>265</v>
      </c>
      <c r="AY6" t="s">
        <v>265</v>
      </c>
      <c r="AZ6" t="s">
        <v>265</v>
      </c>
      <c r="BA6" t="s">
        <v>265</v>
      </c>
      <c r="BB6" t="s">
        <v>266</v>
      </c>
      <c r="BC6" t="s">
        <v>267</v>
      </c>
      <c r="BD6" s="37">
        <v>436.8</v>
      </c>
      <c r="BE6" s="37">
        <v>218.4</v>
      </c>
      <c r="BF6" s="37">
        <v>436.8</v>
      </c>
      <c r="BG6" s="37">
        <v>873.6</v>
      </c>
      <c r="BH6" s="37">
        <v>218.4</v>
      </c>
      <c r="BI6" s="37">
        <v>218.4</v>
      </c>
      <c r="BJ6" s="37">
        <v>917.28</v>
      </c>
      <c r="BK6" s="37">
        <v>1179.3599999999999</v>
      </c>
      <c r="BL6">
        <v>32</v>
      </c>
      <c r="BM6" s="37">
        <v>37187.85</v>
      </c>
      <c r="BN6" s="37">
        <v>4499.04</v>
      </c>
    </row>
    <row r="7" spans="1:67" x14ac:dyDescent="0.3">
      <c r="A7" s="78" t="s">
        <v>73</v>
      </c>
      <c r="B7" s="79">
        <v>8</v>
      </c>
      <c r="C7" s="80"/>
      <c r="D7" t="s">
        <v>61</v>
      </c>
      <c r="E7">
        <v>533</v>
      </c>
      <c r="G7" s="78" t="s">
        <v>73</v>
      </c>
      <c r="H7" s="79">
        <v>8</v>
      </c>
      <c r="I7" s="81" t="s">
        <v>268</v>
      </c>
      <c r="J7" s="81">
        <v>606</v>
      </c>
      <c r="K7" s="82">
        <v>9</v>
      </c>
      <c r="L7">
        <v>8</v>
      </c>
      <c r="M7" s="11">
        <v>606</v>
      </c>
      <c r="N7" s="11">
        <v>9</v>
      </c>
      <c r="O7" s="11" t="s">
        <v>259</v>
      </c>
      <c r="P7">
        <v>6.5</v>
      </c>
      <c r="Q7">
        <v>0</v>
      </c>
      <c r="R7">
        <v>0</v>
      </c>
      <c r="S7">
        <v>0</v>
      </c>
      <c r="T7">
        <v>0</v>
      </c>
      <c r="U7">
        <v>0</v>
      </c>
      <c r="V7">
        <v>0</v>
      </c>
      <c r="W7">
        <v>0</v>
      </c>
      <c r="X7" s="11" t="s">
        <v>269</v>
      </c>
      <c r="Y7">
        <v>0</v>
      </c>
      <c r="Z7">
        <v>0</v>
      </c>
      <c r="AA7">
        <v>0</v>
      </c>
      <c r="AB7">
        <v>0</v>
      </c>
      <c r="AC7">
        <v>0</v>
      </c>
      <c r="AD7">
        <v>0</v>
      </c>
      <c r="AE7" s="11">
        <v>0</v>
      </c>
      <c r="AF7" s="11" t="s">
        <v>270</v>
      </c>
      <c r="AG7">
        <v>0</v>
      </c>
      <c r="AH7">
        <v>0</v>
      </c>
      <c r="AI7">
        <v>0</v>
      </c>
      <c r="AJ7">
        <v>0</v>
      </c>
      <c r="AK7">
        <v>0</v>
      </c>
      <c r="AL7">
        <v>0</v>
      </c>
      <c r="AM7">
        <v>0</v>
      </c>
      <c r="AN7" s="37">
        <v>5032</v>
      </c>
      <c r="AO7" s="37">
        <v>0</v>
      </c>
      <c r="AP7" s="37">
        <v>0</v>
      </c>
      <c r="AQ7" s="37">
        <v>0</v>
      </c>
      <c r="AR7" s="37">
        <v>0</v>
      </c>
      <c r="AS7" s="37">
        <v>0</v>
      </c>
      <c r="AT7" s="37">
        <v>0</v>
      </c>
      <c r="AU7" s="37">
        <v>0</v>
      </c>
      <c r="AV7" t="s">
        <v>271</v>
      </c>
      <c r="AW7">
        <v>0</v>
      </c>
      <c r="AX7">
        <v>0</v>
      </c>
      <c r="AY7">
        <v>0</v>
      </c>
      <c r="AZ7">
        <v>0</v>
      </c>
      <c r="BA7">
        <v>0</v>
      </c>
      <c r="BB7">
        <v>0</v>
      </c>
      <c r="BC7">
        <v>0</v>
      </c>
      <c r="BD7" s="37">
        <v>21556</v>
      </c>
      <c r="BE7" s="37">
        <v>0</v>
      </c>
      <c r="BF7" s="37">
        <v>0</v>
      </c>
      <c r="BG7" s="37">
        <v>0</v>
      </c>
      <c r="BH7" s="37">
        <v>0</v>
      </c>
      <c r="BI7" s="37">
        <v>0</v>
      </c>
      <c r="BJ7" s="37">
        <v>0</v>
      </c>
      <c r="BK7" s="37">
        <v>0</v>
      </c>
      <c r="BL7" s="84">
        <v>9</v>
      </c>
      <c r="BM7" s="37">
        <v>5032</v>
      </c>
      <c r="BN7" s="37">
        <v>21566</v>
      </c>
    </row>
    <row r="8" spans="1:67" x14ac:dyDescent="0.3">
      <c r="A8" s="78" t="s">
        <v>74</v>
      </c>
      <c r="B8" s="79">
        <v>22</v>
      </c>
      <c r="C8" s="80"/>
      <c r="D8" t="s">
        <v>272</v>
      </c>
      <c r="E8">
        <v>534</v>
      </c>
      <c r="G8" s="78" t="s">
        <v>74</v>
      </c>
      <c r="H8" s="79">
        <v>22</v>
      </c>
      <c r="I8" s="81" t="s">
        <v>273</v>
      </c>
      <c r="J8" s="81">
        <v>616</v>
      </c>
      <c r="K8" s="82">
        <v>95</v>
      </c>
      <c r="L8">
        <v>22</v>
      </c>
      <c r="M8">
        <v>616</v>
      </c>
      <c r="N8">
        <v>92</v>
      </c>
      <c r="O8" t="s">
        <v>259</v>
      </c>
      <c r="P8">
        <v>0</v>
      </c>
      <c r="Q8">
        <v>23.2</v>
      </c>
      <c r="R8">
        <v>23.2</v>
      </c>
      <c r="S8">
        <v>23.2</v>
      </c>
      <c r="T8">
        <v>2.8</v>
      </c>
      <c r="U8">
        <v>5.5</v>
      </c>
      <c r="V8">
        <v>5.5</v>
      </c>
      <c r="W8">
        <v>0</v>
      </c>
      <c r="X8">
        <v>0</v>
      </c>
      <c r="Y8" t="s">
        <v>274</v>
      </c>
      <c r="Z8" t="s">
        <v>275</v>
      </c>
      <c r="AA8" t="s">
        <v>276</v>
      </c>
      <c r="AB8" t="s">
        <v>277</v>
      </c>
      <c r="AC8" t="s">
        <v>277</v>
      </c>
      <c r="AD8" t="s">
        <v>278</v>
      </c>
      <c r="AE8">
        <v>0</v>
      </c>
      <c r="AF8" t="s">
        <v>279</v>
      </c>
      <c r="AG8" t="s">
        <v>280</v>
      </c>
      <c r="AH8" t="s">
        <v>280</v>
      </c>
      <c r="AI8" t="s">
        <v>280</v>
      </c>
      <c r="AJ8" t="s">
        <v>280</v>
      </c>
      <c r="AK8" t="s">
        <v>280</v>
      </c>
      <c r="AL8" t="s">
        <v>280</v>
      </c>
      <c r="AM8" t="s">
        <v>281</v>
      </c>
      <c r="AN8" s="37">
        <v>237645.9</v>
      </c>
      <c r="AO8" s="37">
        <v>0</v>
      </c>
      <c r="AP8" s="37">
        <v>0</v>
      </c>
      <c r="AQ8" s="37">
        <v>0</v>
      </c>
      <c r="AR8" s="37">
        <v>0</v>
      </c>
      <c r="AS8" s="37">
        <v>0</v>
      </c>
      <c r="AT8" s="37">
        <v>0</v>
      </c>
      <c r="AU8" s="37">
        <v>0</v>
      </c>
      <c r="AW8">
        <v>0</v>
      </c>
      <c r="AX8">
        <v>0</v>
      </c>
      <c r="AY8">
        <v>0</v>
      </c>
      <c r="AZ8">
        <v>0</v>
      </c>
      <c r="BA8">
        <v>0</v>
      </c>
      <c r="BB8">
        <v>0</v>
      </c>
      <c r="BC8">
        <v>0</v>
      </c>
      <c r="BD8" s="37">
        <v>0</v>
      </c>
      <c r="BE8" s="37">
        <v>19808.849999999999</v>
      </c>
      <c r="BF8" s="37">
        <v>19808.849999999999</v>
      </c>
      <c r="BG8" s="37">
        <v>19808.849999999999</v>
      </c>
      <c r="BH8" s="37">
        <v>2364.0100000000002</v>
      </c>
      <c r="BI8" s="37">
        <v>4643.59</v>
      </c>
      <c r="BJ8" s="37">
        <v>4643.59</v>
      </c>
      <c r="BK8" s="37">
        <v>12000</v>
      </c>
      <c r="BL8">
        <v>124</v>
      </c>
      <c r="BM8" s="37">
        <v>237645.9</v>
      </c>
      <c r="BN8" s="37">
        <v>127638.59</v>
      </c>
    </row>
    <row r="9" spans="1:67" x14ac:dyDescent="0.3">
      <c r="A9" s="78" t="s">
        <v>74</v>
      </c>
      <c r="B9" s="79">
        <v>22</v>
      </c>
      <c r="C9" s="80"/>
      <c r="D9" t="s">
        <v>282</v>
      </c>
      <c r="E9">
        <v>535</v>
      </c>
      <c r="G9" s="78" t="s">
        <v>74</v>
      </c>
      <c r="H9" s="79">
        <v>22</v>
      </c>
      <c r="I9" s="81" t="s">
        <v>283</v>
      </c>
      <c r="J9" s="81">
        <v>542</v>
      </c>
      <c r="K9" s="85">
        <v>1</v>
      </c>
      <c r="AN9" s="37"/>
      <c r="AO9" s="37"/>
      <c r="AP9" s="37"/>
      <c r="AQ9" s="37"/>
      <c r="AR9" s="37"/>
      <c r="AS9" s="37"/>
      <c r="AT9" s="37"/>
      <c r="AU9" s="37"/>
      <c r="BD9" s="37"/>
      <c r="BE9" s="37"/>
      <c r="BF9" s="37"/>
      <c r="BG9" s="37"/>
      <c r="BH9" s="37"/>
      <c r="BI9" s="37"/>
      <c r="BJ9" s="37"/>
      <c r="BK9" s="37"/>
      <c r="BM9" s="37"/>
      <c r="BN9" s="37"/>
    </row>
    <row r="10" spans="1:67" x14ac:dyDescent="0.3">
      <c r="A10" s="78" t="s">
        <v>75</v>
      </c>
      <c r="B10" s="79">
        <v>23</v>
      </c>
      <c r="C10" s="80"/>
      <c r="D10" t="s">
        <v>282</v>
      </c>
      <c r="E10">
        <v>535</v>
      </c>
      <c r="G10" s="78" t="s">
        <v>75</v>
      </c>
      <c r="H10" s="79">
        <v>23</v>
      </c>
      <c r="I10" s="81" t="s">
        <v>273</v>
      </c>
      <c r="J10" s="81">
        <v>616</v>
      </c>
      <c r="K10" s="85">
        <v>11</v>
      </c>
      <c r="AN10" s="37"/>
      <c r="AO10" s="37"/>
      <c r="AP10" s="37"/>
      <c r="AQ10" s="37"/>
      <c r="AR10" s="37"/>
      <c r="AS10" s="37"/>
      <c r="AT10" s="37"/>
      <c r="AU10" s="37"/>
      <c r="BD10" s="37"/>
      <c r="BE10" s="37"/>
      <c r="BF10" s="37"/>
      <c r="BG10" s="37"/>
      <c r="BH10" s="37"/>
      <c r="BI10" s="37"/>
      <c r="BJ10" s="37"/>
      <c r="BK10" s="37"/>
      <c r="BM10" s="37"/>
      <c r="BN10" s="37"/>
    </row>
    <row r="11" spans="1:67" x14ac:dyDescent="0.3">
      <c r="A11" s="78" t="s">
        <v>75</v>
      </c>
      <c r="B11" s="79">
        <v>23</v>
      </c>
      <c r="C11" s="80"/>
      <c r="D11" t="s">
        <v>284</v>
      </c>
      <c r="E11">
        <v>536</v>
      </c>
      <c r="G11" s="78" t="s">
        <v>75</v>
      </c>
      <c r="H11" s="79">
        <v>23</v>
      </c>
      <c r="I11" s="81" t="s">
        <v>285</v>
      </c>
      <c r="J11" s="81">
        <v>608</v>
      </c>
      <c r="K11" s="85">
        <v>1</v>
      </c>
      <c r="AN11" s="37"/>
      <c r="AO11" s="37"/>
      <c r="AP11" s="37"/>
      <c r="AQ11" s="37"/>
      <c r="AR11" s="37"/>
      <c r="AS11" s="37"/>
      <c r="AT11" s="37"/>
      <c r="AU11" s="37"/>
      <c r="BD11" s="37"/>
      <c r="BE11" s="37"/>
      <c r="BF11" s="37"/>
      <c r="BG11" s="37"/>
      <c r="BH11" s="37"/>
      <c r="BI11" s="37"/>
      <c r="BJ11" s="37"/>
      <c r="BK11" s="37"/>
      <c r="BM11" s="37"/>
      <c r="BN11" s="37"/>
    </row>
    <row r="12" spans="1:67" x14ac:dyDescent="0.3">
      <c r="A12" s="78" t="s">
        <v>76</v>
      </c>
      <c r="B12" s="79">
        <v>27</v>
      </c>
      <c r="C12" s="80"/>
      <c r="D12" t="s">
        <v>57</v>
      </c>
      <c r="E12">
        <v>537</v>
      </c>
      <c r="G12" s="78" t="s">
        <v>76</v>
      </c>
      <c r="H12" s="79">
        <v>27</v>
      </c>
      <c r="I12" s="81" t="s">
        <v>286</v>
      </c>
      <c r="J12" s="81">
        <v>713</v>
      </c>
      <c r="K12" s="82">
        <v>28</v>
      </c>
      <c r="L12">
        <v>27</v>
      </c>
      <c r="M12">
        <v>713</v>
      </c>
      <c r="N12">
        <v>26</v>
      </c>
      <c r="O12" t="s">
        <v>259</v>
      </c>
      <c r="P12">
        <v>58</v>
      </c>
      <c r="Q12">
        <v>13</v>
      </c>
      <c r="R12">
        <v>58</v>
      </c>
      <c r="S12">
        <v>0</v>
      </c>
      <c r="T12">
        <v>0</v>
      </c>
      <c r="U12">
        <v>0</v>
      </c>
      <c r="V12">
        <v>0</v>
      </c>
      <c r="W12">
        <v>0</v>
      </c>
      <c r="X12" t="s">
        <v>256</v>
      </c>
      <c r="Y12" t="s">
        <v>256</v>
      </c>
      <c r="Z12" t="s">
        <v>256</v>
      </c>
      <c r="AA12">
        <v>0</v>
      </c>
      <c r="AB12">
        <v>0</v>
      </c>
      <c r="AC12">
        <v>0</v>
      </c>
      <c r="AD12">
        <v>0</v>
      </c>
      <c r="AE12">
        <v>0</v>
      </c>
      <c r="AF12" t="s">
        <v>287</v>
      </c>
      <c r="AG12" t="s">
        <v>287</v>
      </c>
      <c r="AH12" t="s">
        <v>287</v>
      </c>
      <c r="AI12">
        <v>0</v>
      </c>
      <c r="AJ12">
        <v>0</v>
      </c>
      <c r="AK12">
        <v>0</v>
      </c>
      <c r="AL12">
        <v>0</v>
      </c>
      <c r="AM12">
        <v>0</v>
      </c>
      <c r="AN12" s="37">
        <v>41206.699999999997</v>
      </c>
      <c r="AO12" s="37">
        <v>0</v>
      </c>
      <c r="AP12" s="37">
        <v>0</v>
      </c>
      <c r="AQ12" s="37">
        <v>0</v>
      </c>
      <c r="AR12" s="37">
        <v>0</v>
      </c>
      <c r="AS12" s="37">
        <v>0</v>
      </c>
      <c r="AT12" s="37">
        <v>0</v>
      </c>
      <c r="AU12" s="37">
        <v>0</v>
      </c>
      <c r="AV12">
        <v>0</v>
      </c>
      <c r="AW12">
        <v>0</v>
      </c>
      <c r="AX12">
        <v>0</v>
      </c>
      <c r="AY12" t="s">
        <v>288</v>
      </c>
      <c r="AZ12">
        <v>0</v>
      </c>
      <c r="BA12">
        <v>0</v>
      </c>
      <c r="BB12">
        <v>0</v>
      </c>
      <c r="BC12">
        <v>0</v>
      </c>
      <c r="BD12" s="37">
        <v>0</v>
      </c>
      <c r="BE12" s="37">
        <v>0</v>
      </c>
      <c r="BF12" s="37">
        <v>0</v>
      </c>
      <c r="BG12" s="37">
        <v>3640</v>
      </c>
      <c r="BH12" s="37">
        <v>0</v>
      </c>
      <c r="BI12" s="37">
        <v>0</v>
      </c>
      <c r="BJ12" s="37">
        <v>0</v>
      </c>
      <c r="BK12" s="37">
        <v>0</v>
      </c>
      <c r="BL12">
        <v>26</v>
      </c>
      <c r="BM12" s="37">
        <v>41206.699999999997</v>
      </c>
      <c r="BN12" s="37">
        <v>3640</v>
      </c>
    </row>
    <row r="13" spans="1:67" x14ac:dyDescent="0.3">
      <c r="A13" s="78" t="s">
        <v>76</v>
      </c>
      <c r="B13" s="79">
        <v>27</v>
      </c>
      <c r="C13" s="80"/>
      <c r="D13" t="s">
        <v>289</v>
      </c>
      <c r="E13">
        <v>538</v>
      </c>
      <c r="G13" s="78" t="s">
        <v>76</v>
      </c>
      <c r="H13" s="79">
        <v>27</v>
      </c>
      <c r="I13" s="81" t="s">
        <v>290</v>
      </c>
      <c r="J13" s="81">
        <v>711</v>
      </c>
      <c r="K13" s="82">
        <v>23</v>
      </c>
      <c r="L13">
        <v>27</v>
      </c>
      <c r="M13">
        <v>711</v>
      </c>
      <c r="N13">
        <v>24</v>
      </c>
      <c r="O13" t="s">
        <v>259</v>
      </c>
      <c r="P13">
        <v>53.5</v>
      </c>
      <c r="Q13">
        <v>52</v>
      </c>
      <c r="R13">
        <v>51.5</v>
      </c>
      <c r="S13">
        <v>0</v>
      </c>
      <c r="T13">
        <v>0</v>
      </c>
      <c r="U13">
        <v>0</v>
      </c>
      <c r="V13">
        <v>0</v>
      </c>
      <c r="W13">
        <v>0</v>
      </c>
      <c r="X13" t="s">
        <v>256</v>
      </c>
      <c r="Y13" t="s">
        <v>256</v>
      </c>
      <c r="Z13" t="s">
        <v>256</v>
      </c>
      <c r="AA13">
        <v>0</v>
      </c>
      <c r="AB13">
        <v>0</v>
      </c>
      <c r="AC13">
        <v>0</v>
      </c>
      <c r="AD13">
        <v>0</v>
      </c>
      <c r="AE13">
        <v>0</v>
      </c>
      <c r="AF13" t="s">
        <v>287</v>
      </c>
      <c r="AG13" t="s">
        <v>287</v>
      </c>
      <c r="AH13" t="s">
        <v>287</v>
      </c>
      <c r="AI13">
        <v>0</v>
      </c>
      <c r="AJ13">
        <v>0</v>
      </c>
      <c r="AK13">
        <v>0</v>
      </c>
      <c r="AL13">
        <v>0</v>
      </c>
      <c r="AM13">
        <v>0</v>
      </c>
      <c r="AN13" s="37">
        <v>49531</v>
      </c>
      <c r="AO13" s="37">
        <v>0</v>
      </c>
      <c r="AP13" s="37">
        <v>0</v>
      </c>
      <c r="AQ13" s="37">
        <v>0</v>
      </c>
      <c r="AR13" s="37">
        <v>0</v>
      </c>
      <c r="AS13" s="37">
        <v>0</v>
      </c>
      <c r="AT13" s="37">
        <v>0</v>
      </c>
      <c r="AU13" s="37">
        <v>0</v>
      </c>
      <c r="AV13">
        <v>0</v>
      </c>
      <c r="AW13">
        <v>0</v>
      </c>
      <c r="AX13">
        <v>0</v>
      </c>
      <c r="AY13" t="s">
        <v>291</v>
      </c>
      <c r="AZ13" t="s">
        <v>292</v>
      </c>
      <c r="BA13" t="s">
        <v>293</v>
      </c>
      <c r="BB13" t="s">
        <v>294</v>
      </c>
      <c r="BC13">
        <v>0</v>
      </c>
      <c r="BD13" s="37">
        <v>0</v>
      </c>
      <c r="BE13" s="37">
        <v>0</v>
      </c>
      <c r="BF13" s="37">
        <v>0</v>
      </c>
      <c r="BG13" s="37">
        <v>9836</v>
      </c>
      <c r="BH13" s="37">
        <v>1951</v>
      </c>
      <c r="BI13" s="37">
        <v>200</v>
      </c>
      <c r="BJ13" s="37">
        <v>3360</v>
      </c>
      <c r="BK13" s="37">
        <v>0</v>
      </c>
      <c r="BL13">
        <v>24</v>
      </c>
      <c r="BM13" s="37">
        <v>49531</v>
      </c>
      <c r="BN13" s="37">
        <v>15347</v>
      </c>
    </row>
    <row r="14" spans="1:67" x14ac:dyDescent="0.3">
      <c r="A14" s="78" t="s">
        <v>76</v>
      </c>
      <c r="B14" s="79">
        <v>27</v>
      </c>
      <c r="C14" s="80"/>
      <c r="D14" t="s">
        <v>295</v>
      </c>
      <c r="E14">
        <v>539</v>
      </c>
      <c r="G14" s="78" t="s">
        <v>76</v>
      </c>
      <c r="H14" s="79">
        <v>27</v>
      </c>
      <c r="I14" s="81" t="s">
        <v>296</v>
      </c>
      <c r="J14" s="81">
        <v>716</v>
      </c>
      <c r="K14" s="82">
        <v>28</v>
      </c>
      <c r="L14">
        <v>27</v>
      </c>
      <c r="M14">
        <v>716</v>
      </c>
      <c r="N14">
        <v>24</v>
      </c>
      <c r="O14" t="s">
        <v>204</v>
      </c>
      <c r="P14">
        <v>24.5</v>
      </c>
      <c r="Q14">
        <v>27</v>
      </c>
      <c r="R14">
        <v>27</v>
      </c>
      <c r="S14">
        <v>25.5</v>
      </c>
      <c r="T14">
        <v>0</v>
      </c>
      <c r="U14">
        <v>0</v>
      </c>
      <c r="V14">
        <v>0</v>
      </c>
      <c r="W14">
        <v>0</v>
      </c>
      <c r="X14" t="s">
        <v>256</v>
      </c>
      <c r="Y14" t="s">
        <v>256</v>
      </c>
      <c r="Z14" t="s">
        <v>256</v>
      </c>
      <c r="AA14" t="s">
        <v>256</v>
      </c>
      <c r="AB14">
        <v>0</v>
      </c>
      <c r="AC14">
        <v>0</v>
      </c>
      <c r="AD14">
        <v>0</v>
      </c>
      <c r="AE14">
        <v>0</v>
      </c>
      <c r="AF14" t="s">
        <v>297</v>
      </c>
      <c r="AG14" t="s">
        <v>297</v>
      </c>
      <c r="AH14" t="s">
        <v>297</v>
      </c>
      <c r="AI14" t="s">
        <v>297</v>
      </c>
      <c r="AJ14">
        <v>0</v>
      </c>
      <c r="AK14">
        <v>0</v>
      </c>
      <c r="AL14">
        <v>0</v>
      </c>
      <c r="AM14">
        <v>0</v>
      </c>
      <c r="AN14" s="37">
        <v>38206</v>
      </c>
      <c r="AO14" s="37">
        <v>0</v>
      </c>
      <c r="AP14" s="37">
        <v>0</v>
      </c>
      <c r="AQ14" s="37">
        <v>0</v>
      </c>
      <c r="AR14" s="37">
        <v>0</v>
      </c>
      <c r="AS14" s="37">
        <v>0</v>
      </c>
      <c r="AT14" s="37">
        <v>0</v>
      </c>
      <c r="AU14" s="37">
        <v>0</v>
      </c>
      <c r="AV14">
        <v>0</v>
      </c>
      <c r="AW14">
        <v>0</v>
      </c>
      <c r="AX14">
        <v>0</v>
      </c>
      <c r="AY14">
        <v>0</v>
      </c>
      <c r="AZ14" t="s">
        <v>298</v>
      </c>
      <c r="BA14" t="s">
        <v>299</v>
      </c>
      <c r="BB14">
        <v>0</v>
      </c>
      <c r="BC14">
        <v>0</v>
      </c>
      <c r="BD14" s="37">
        <v>0</v>
      </c>
      <c r="BE14" s="37">
        <v>0</v>
      </c>
      <c r="BF14" s="37">
        <v>0</v>
      </c>
      <c r="BG14" s="37">
        <v>0</v>
      </c>
      <c r="BH14" s="37">
        <v>23038</v>
      </c>
      <c r="BI14" s="37">
        <v>3360</v>
      </c>
      <c r="BJ14" s="37">
        <v>0</v>
      </c>
      <c r="BK14" s="37">
        <v>0</v>
      </c>
      <c r="BL14">
        <v>24</v>
      </c>
      <c r="BM14" s="37">
        <v>38206</v>
      </c>
      <c r="BN14" s="37">
        <v>26398</v>
      </c>
    </row>
    <row r="15" spans="1:67" x14ac:dyDescent="0.3">
      <c r="A15" s="78" t="s">
        <v>76</v>
      </c>
      <c r="B15" s="79">
        <v>27</v>
      </c>
      <c r="C15" s="80"/>
      <c r="D15" t="s">
        <v>300</v>
      </c>
      <c r="E15">
        <v>541</v>
      </c>
      <c r="G15" s="78" t="s">
        <v>76</v>
      </c>
      <c r="H15" s="79">
        <v>27</v>
      </c>
      <c r="I15" s="81" t="s">
        <v>301</v>
      </c>
      <c r="J15" s="81">
        <v>723</v>
      </c>
      <c r="K15" s="82">
        <v>18</v>
      </c>
      <c r="L15">
        <v>27</v>
      </c>
      <c r="M15">
        <v>723</v>
      </c>
      <c r="N15">
        <v>15</v>
      </c>
      <c r="O15" t="s">
        <v>204</v>
      </c>
      <c r="P15">
        <v>32</v>
      </c>
      <c r="Q15">
        <v>89</v>
      </c>
      <c r="R15">
        <v>90</v>
      </c>
      <c r="S15">
        <v>0</v>
      </c>
      <c r="T15">
        <v>0</v>
      </c>
      <c r="U15">
        <v>0</v>
      </c>
      <c r="V15">
        <v>0</v>
      </c>
      <c r="W15">
        <v>0</v>
      </c>
      <c r="X15" t="s">
        <v>256</v>
      </c>
      <c r="Y15" t="s">
        <v>256</v>
      </c>
      <c r="Z15" t="s">
        <v>256</v>
      </c>
      <c r="AA15">
        <v>0</v>
      </c>
      <c r="AB15">
        <v>0</v>
      </c>
      <c r="AC15">
        <v>0</v>
      </c>
      <c r="AD15">
        <v>0</v>
      </c>
      <c r="AE15">
        <v>0</v>
      </c>
      <c r="AF15" t="s">
        <v>302</v>
      </c>
      <c r="AG15" t="s">
        <v>303</v>
      </c>
      <c r="AH15" t="s">
        <v>304</v>
      </c>
      <c r="AI15">
        <v>0</v>
      </c>
      <c r="AJ15">
        <v>0</v>
      </c>
      <c r="AK15">
        <v>0</v>
      </c>
      <c r="AL15">
        <v>0</v>
      </c>
      <c r="AM15">
        <v>0</v>
      </c>
      <c r="AN15" s="37">
        <v>37684</v>
      </c>
      <c r="AO15" s="37">
        <v>5449</v>
      </c>
      <c r="AP15" s="37">
        <v>0</v>
      </c>
      <c r="AQ15" s="37">
        <v>0</v>
      </c>
      <c r="AR15" s="37">
        <v>0</v>
      </c>
      <c r="AS15" s="37">
        <v>0</v>
      </c>
      <c r="AT15" s="37">
        <v>0</v>
      </c>
      <c r="AU15" s="37">
        <v>0</v>
      </c>
      <c r="AV15">
        <v>0</v>
      </c>
      <c r="AW15">
        <v>0</v>
      </c>
      <c r="AX15" t="s">
        <v>305</v>
      </c>
      <c r="AY15" t="s">
        <v>306</v>
      </c>
      <c r="AZ15">
        <v>0</v>
      </c>
      <c r="BA15">
        <v>0</v>
      </c>
      <c r="BB15">
        <v>0</v>
      </c>
      <c r="BC15">
        <v>0</v>
      </c>
      <c r="BD15" s="37">
        <v>0</v>
      </c>
      <c r="BE15" s="37">
        <v>0</v>
      </c>
      <c r="BF15" s="37">
        <v>2100</v>
      </c>
      <c r="BG15" s="37">
        <v>18792</v>
      </c>
      <c r="BH15" s="37">
        <v>0</v>
      </c>
      <c r="BI15" s="37">
        <v>0</v>
      </c>
      <c r="BJ15" s="37">
        <v>0</v>
      </c>
      <c r="BK15" s="37">
        <v>0</v>
      </c>
      <c r="BL15">
        <v>15</v>
      </c>
      <c r="BM15" s="37">
        <v>43133</v>
      </c>
      <c r="BN15" s="37">
        <v>20892</v>
      </c>
    </row>
    <row r="16" spans="1:67" x14ac:dyDescent="0.3">
      <c r="A16" s="78" t="s">
        <v>76</v>
      </c>
      <c r="B16" s="79">
        <v>27</v>
      </c>
      <c r="C16" s="80"/>
      <c r="D16" t="s">
        <v>300</v>
      </c>
      <c r="E16">
        <v>541</v>
      </c>
      <c r="G16" s="78" t="s">
        <v>76</v>
      </c>
      <c r="H16" s="79">
        <v>27</v>
      </c>
      <c r="I16" s="81" t="s">
        <v>307</v>
      </c>
      <c r="J16" s="81">
        <v>712</v>
      </c>
      <c r="K16" s="82">
        <v>39</v>
      </c>
      <c r="L16">
        <v>27</v>
      </c>
      <c r="M16">
        <v>712</v>
      </c>
      <c r="N16">
        <v>22</v>
      </c>
      <c r="O16" t="s">
        <v>259</v>
      </c>
      <c r="P16">
        <v>12.5</v>
      </c>
      <c r="Q16">
        <v>114.5</v>
      </c>
      <c r="R16">
        <v>116</v>
      </c>
      <c r="S16">
        <v>0</v>
      </c>
      <c r="T16">
        <v>0</v>
      </c>
      <c r="U16">
        <v>0</v>
      </c>
      <c r="V16">
        <v>0</v>
      </c>
      <c r="W16">
        <v>0</v>
      </c>
      <c r="X16" t="s">
        <v>256</v>
      </c>
      <c r="Y16" t="s">
        <v>256</v>
      </c>
      <c r="Z16" t="s">
        <v>256</v>
      </c>
      <c r="AA16">
        <v>0</v>
      </c>
      <c r="AB16">
        <v>0</v>
      </c>
      <c r="AC16">
        <v>0</v>
      </c>
      <c r="AD16">
        <v>0</v>
      </c>
      <c r="AE16">
        <v>0</v>
      </c>
      <c r="AF16" t="s">
        <v>308</v>
      </c>
      <c r="AG16" t="s">
        <v>309</v>
      </c>
      <c r="AH16" t="s">
        <v>309</v>
      </c>
      <c r="AI16">
        <v>0</v>
      </c>
      <c r="AJ16">
        <v>0</v>
      </c>
      <c r="AK16">
        <v>0</v>
      </c>
      <c r="AL16">
        <v>0</v>
      </c>
      <c r="AM16">
        <v>0</v>
      </c>
      <c r="AN16" s="37">
        <v>60524</v>
      </c>
      <c r="AO16" s="37">
        <v>0</v>
      </c>
      <c r="AP16" s="37">
        <v>0</v>
      </c>
      <c r="AQ16" s="37">
        <v>0</v>
      </c>
      <c r="AR16" s="37">
        <v>0</v>
      </c>
      <c r="AS16" s="37">
        <v>0</v>
      </c>
      <c r="AT16" s="37">
        <v>0</v>
      </c>
      <c r="AU16" s="37">
        <v>0</v>
      </c>
      <c r="AV16">
        <v>0</v>
      </c>
      <c r="AW16">
        <v>0</v>
      </c>
      <c r="AX16">
        <v>0</v>
      </c>
      <c r="AY16" t="s">
        <v>310</v>
      </c>
      <c r="AZ16" t="s">
        <v>311</v>
      </c>
      <c r="BA16">
        <v>0</v>
      </c>
      <c r="BB16">
        <v>0</v>
      </c>
      <c r="BC16">
        <v>0</v>
      </c>
      <c r="BD16" s="37">
        <v>0</v>
      </c>
      <c r="BE16" s="37">
        <v>0</v>
      </c>
      <c r="BF16" s="37">
        <v>0</v>
      </c>
      <c r="BG16" s="37">
        <v>11066</v>
      </c>
      <c r="BH16" s="37">
        <v>3080</v>
      </c>
      <c r="BI16" s="37">
        <v>0</v>
      </c>
      <c r="BJ16" s="37">
        <v>0</v>
      </c>
      <c r="BK16" s="37">
        <v>0</v>
      </c>
      <c r="BL16">
        <v>22</v>
      </c>
      <c r="BM16" s="37">
        <v>60524</v>
      </c>
      <c r="BN16" s="37">
        <v>14146</v>
      </c>
    </row>
    <row r="17" spans="1:66" x14ac:dyDescent="0.3">
      <c r="A17" s="78" t="s">
        <v>76</v>
      </c>
      <c r="B17" s="79">
        <v>27</v>
      </c>
      <c r="C17" s="80"/>
      <c r="D17" t="s">
        <v>300</v>
      </c>
      <c r="E17">
        <v>541</v>
      </c>
      <c r="G17" s="78" t="s">
        <v>76</v>
      </c>
      <c r="H17" s="79">
        <v>27</v>
      </c>
      <c r="I17" s="81" t="s">
        <v>312</v>
      </c>
      <c r="J17" s="81">
        <v>718</v>
      </c>
      <c r="K17" s="82">
        <v>25</v>
      </c>
      <c r="L17">
        <v>27</v>
      </c>
      <c r="M17">
        <v>718</v>
      </c>
      <c r="N17">
        <v>22</v>
      </c>
      <c r="O17" t="s">
        <v>259</v>
      </c>
      <c r="P17">
        <v>47.5</v>
      </c>
      <c r="Q17">
        <v>46</v>
      </c>
      <c r="R17">
        <v>38.5</v>
      </c>
      <c r="S17">
        <v>0</v>
      </c>
      <c r="T17">
        <v>0</v>
      </c>
      <c r="U17">
        <v>0</v>
      </c>
      <c r="V17">
        <v>0</v>
      </c>
      <c r="W17">
        <v>0</v>
      </c>
      <c r="X17" t="s">
        <v>256</v>
      </c>
      <c r="Y17" t="s">
        <v>256</v>
      </c>
      <c r="Z17" t="s">
        <v>256</v>
      </c>
      <c r="AA17">
        <v>0</v>
      </c>
      <c r="AB17">
        <v>0</v>
      </c>
      <c r="AC17">
        <v>0</v>
      </c>
      <c r="AD17">
        <v>0</v>
      </c>
      <c r="AE17">
        <v>0</v>
      </c>
      <c r="AF17" t="s">
        <v>313</v>
      </c>
      <c r="AG17" t="s">
        <v>313</v>
      </c>
      <c r="AH17" t="s">
        <v>313</v>
      </c>
      <c r="AI17">
        <v>0</v>
      </c>
      <c r="AJ17">
        <v>0</v>
      </c>
      <c r="AK17">
        <v>0</v>
      </c>
      <c r="AL17">
        <v>0</v>
      </c>
      <c r="AM17">
        <v>0</v>
      </c>
      <c r="AN17" s="37">
        <v>44730</v>
      </c>
      <c r="AO17" s="37">
        <v>0</v>
      </c>
      <c r="AP17" s="37">
        <v>0</v>
      </c>
      <c r="AQ17" s="37">
        <v>0</v>
      </c>
      <c r="AR17" s="37">
        <v>0</v>
      </c>
      <c r="AS17" s="37">
        <v>0</v>
      </c>
      <c r="AT17" s="37">
        <v>0</v>
      </c>
      <c r="AU17" s="37">
        <v>0</v>
      </c>
      <c r="AV17">
        <v>0</v>
      </c>
      <c r="AW17">
        <v>0</v>
      </c>
      <c r="AX17" t="s">
        <v>314</v>
      </c>
      <c r="AY17" t="s">
        <v>315</v>
      </c>
      <c r="AZ17">
        <v>0</v>
      </c>
      <c r="BA17">
        <v>0</v>
      </c>
      <c r="BB17">
        <v>0</v>
      </c>
      <c r="BC17">
        <v>0</v>
      </c>
      <c r="BD17" s="37">
        <v>0</v>
      </c>
      <c r="BE17" s="37">
        <v>0</v>
      </c>
      <c r="BF17" s="37">
        <v>3080</v>
      </c>
      <c r="BG17" s="37">
        <v>12530</v>
      </c>
      <c r="BH17" s="37">
        <v>0</v>
      </c>
      <c r="BI17" s="37">
        <v>0</v>
      </c>
      <c r="BJ17" s="37">
        <v>0</v>
      </c>
      <c r="BK17" s="37">
        <v>0</v>
      </c>
      <c r="BL17">
        <v>22</v>
      </c>
      <c r="BM17" s="37">
        <v>44730</v>
      </c>
      <c r="BN17" s="37">
        <v>15610</v>
      </c>
    </row>
    <row r="18" spans="1:66" x14ac:dyDescent="0.3">
      <c r="A18" s="78" t="s">
        <v>76</v>
      </c>
      <c r="B18" s="79">
        <v>27</v>
      </c>
      <c r="C18" s="80"/>
      <c r="D18" t="s">
        <v>283</v>
      </c>
      <c r="E18">
        <v>542</v>
      </c>
      <c r="G18" s="78" t="s">
        <v>76</v>
      </c>
      <c r="H18" s="79">
        <v>27</v>
      </c>
      <c r="I18" s="81" t="s">
        <v>316</v>
      </c>
      <c r="J18" s="81">
        <v>710</v>
      </c>
      <c r="K18" s="82">
        <v>11</v>
      </c>
      <c r="L18">
        <v>27</v>
      </c>
      <c r="M18">
        <v>710</v>
      </c>
      <c r="N18">
        <v>6</v>
      </c>
      <c r="O18" t="s">
        <v>204</v>
      </c>
      <c r="P18">
        <v>179.5</v>
      </c>
      <c r="Q18">
        <v>0</v>
      </c>
      <c r="R18">
        <v>0</v>
      </c>
      <c r="S18">
        <v>0</v>
      </c>
      <c r="T18">
        <v>0</v>
      </c>
      <c r="U18">
        <v>0</v>
      </c>
      <c r="V18">
        <v>0</v>
      </c>
      <c r="W18">
        <v>0</v>
      </c>
      <c r="X18" t="s">
        <v>256</v>
      </c>
      <c r="Y18">
        <v>0</v>
      </c>
      <c r="Z18">
        <v>0</v>
      </c>
      <c r="AA18">
        <v>0</v>
      </c>
      <c r="AB18">
        <v>0</v>
      </c>
      <c r="AC18">
        <v>0</v>
      </c>
      <c r="AD18">
        <v>0</v>
      </c>
      <c r="AE18">
        <v>0</v>
      </c>
      <c r="AF18" t="s">
        <v>317</v>
      </c>
      <c r="AG18">
        <v>0</v>
      </c>
      <c r="AH18">
        <v>0</v>
      </c>
      <c r="AI18">
        <v>0</v>
      </c>
      <c r="AJ18">
        <v>0</v>
      </c>
      <c r="AK18">
        <v>0</v>
      </c>
      <c r="AL18">
        <v>0</v>
      </c>
      <c r="AM18">
        <v>0</v>
      </c>
      <c r="AN18" s="37">
        <v>24227</v>
      </c>
      <c r="AO18" s="37">
        <v>0</v>
      </c>
      <c r="AP18" s="37">
        <v>0</v>
      </c>
      <c r="AQ18" s="37">
        <v>0</v>
      </c>
      <c r="AR18" s="37">
        <v>0</v>
      </c>
      <c r="AS18" s="37">
        <v>0</v>
      </c>
      <c r="AT18" s="37">
        <v>0</v>
      </c>
      <c r="AU18" s="37">
        <v>0</v>
      </c>
      <c r="AV18" t="s">
        <v>318</v>
      </c>
      <c r="AW18" t="s">
        <v>319</v>
      </c>
      <c r="AX18" t="s">
        <v>320</v>
      </c>
      <c r="AY18" t="s">
        <v>321</v>
      </c>
      <c r="AZ18">
        <v>0</v>
      </c>
      <c r="BA18">
        <v>0</v>
      </c>
      <c r="BB18">
        <v>0</v>
      </c>
      <c r="BC18">
        <v>0</v>
      </c>
      <c r="BD18" s="37">
        <v>840</v>
      </c>
      <c r="BE18" s="37">
        <v>728</v>
      </c>
      <c r="BF18" s="37">
        <v>600</v>
      </c>
      <c r="BG18" s="37">
        <v>100</v>
      </c>
      <c r="BH18" s="37">
        <v>0</v>
      </c>
      <c r="BI18" s="37">
        <v>0</v>
      </c>
      <c r="BJ18" s="37">
        <v>0</v>
      </c>
      <c r="BK18" s="37">
        <v>0</v>
      </c>
      <c r="BL18">
        <v>6</v>
      </c>
      <c r="BM18" s="37">
        <v>24227</v>
      </c>
      <c r="BN18" s="37">
        <v>2268</v>
      </c>
    </row>
    <row r="19" spans="1:66" x14ac:dyDescent="0.3">
      <c r="A19" s="78" t="s">
        <v>76</v>
      </c>
      <c r="B19" s="79">
        <v>27</v>
      </c>
      <c r="C19" s="80"/>
      <c r="D19" t="s">
        <v>283</v>
      </c>
      <c r="E19">
        <v>542</v>
      </c>
      <c r="G19" s="78" t="s">
        <v>76</v>
      </c>
      <c r="H19" s="79">
        <v>27</v>
      </c>
      <c r="I19" s="81" t="s">
        <v>322</v>
      </c>
      <c r="J19" s="81">
        <v>722</v>
      </c>
      <c r="K19" s="82">
        <v>39</v>
      </c>
      <c r="L19">
        <v>27</v>
      </c>
      <c r="M19">
        <v>722</v>
      </c>
      <c r="N19">
        <v>32</v>
      </c>
      <c r="O19" t="s">
        <v>259</v>
      </c>
      <c r="P19">
        <v>0</v>
      </c>
      <c r="Q19">
        <v>320</v>
      </c>
      <c r="R19">
        <v>318</v>
      </c>
      <c r="S19">
        <v>0</v>
      </c>
      <c r="T19">
        <v>0</v>
      </c>
      <c r="U19">
        <v>0</v>
      </c>
      <c r="V19">
        <v>0</v>
      </c>
      <c r="W19">
        <v>0</v>
      </c>
      <c r="X19" t="s">
        <v>256</v>
      </c>
      <c r="Y19" t="s">
        <v>256</v>
      </c>
      <c r="Z19" t="s">
        <v>256</v>
      </c>
      <c r="AA19" t="s">
        <v>256</v>
      </c>
      <c r="AB19">
        <v>0</v>
      </c>
      <c r="AC19">
        <v>0</v>
      </c>
      <c r="AD19">
        <v>0</v>
      </c>
      <c r="AE19">
        <v>0</v>
      </c>
      <c r="AF19" t="s">
        <v>323</v>
      </c>
      <c r="AG19" t="s">
        <v>324</v>
      </c>
      <c r="AH19" t="s">
        <v>325</v>
      </c>
      <c r="AI19" t="s">
        <v>325</v>
      </c>
      <c r="AJ19">
        <v>0</v>
      </c>
      <c r="AK19">
        <v>0</v>
      </c>
      <c r="AL19">
        <v>0</v>
      </c>
      <c r="AM19">
        <v>0</v>
      </c>
      <c r="AN19" s="37">
        <v>72491</v>
      </c>
      <c r="AO19" s="37">
        <v>0</v>
      </c>
      <c r="AP19" s="37">
        <v>0</v>
      </c>
      <c r="AQ19" s="37">
        <v>0</v>
      </c>
      <c r="AR19" s="37">
        <v>0</v>
      </c>
      <c r="AS19" s="37">
        <v>0</v>
      </c>
      <c r="AT19" s="37">
        <v>0</v>
      </c>
      <c r="AU19" s="37">
        <v>0</v>
      </c>
      <c r="AV19">
        <v>0</v>
      </c>
      <c r="AW19">
        <v>0</v>
      </c>
      <c r="AX19">
        <v>0</v>
      </c>
      <c r="AY19" t="s">
        <v>326</v>
      </c>
      <c r="AZ19" t="s">
        <v>305</v>
      </c>
      <c r="BA19">
        <v>0</v>
      </c>
      <c r="BB19">
        <v>0</v>
      </c>
      <c r="BC19">
        <v>0</v>
      </c>
      <c r="BD19" s="37">
        <v>0</v>
      </c>
      <c r="BE19" s="37">
        <v>0</v>
      </c>
      <c r="BF19" s="37">
        <v>0</v>
      </c>
      <c r="BG19" s="37">
        <v>5000</v>
      </c>
      <c r="BH19" s="37">
        <v>4480</v>
      </c>
      <c r="BI19" s="37">
        <v>0</v>
      </c>
      <c r="BJ19" s="37">
        <v>0</v>
      </c>
      <c r="BK19" s="37">
        <v>0</v>
      </c>
      <c r="BL19">
        <v>32</v>
      </c>
      <c r="BM19" s="37">
        <v>72491</v>
      </c>
      <c r="BN19" s="37">
        <v>9480</v>
      </c>
    </row>
    <row r="20" spans="1:66" x14ac:dyDescent="0.3">
      <c r="A20" s="78" t="s">
        <v>76</v>
      </c>
      <c r="B20" s="79">
        <v>27</v>
      </c>
      <c r="C20" s="80"/>
      <c r="D20" t="s">
        <v>327</v>
      </c>
      <c r="E20">
        <v>543</v>
      </c>
      <c r="G20" s="78" t="s">
        <v>76</v>
      </c>
      <c r="H20" s="79">
        <v>27</v>
      </c>
      <c r="I20" s="81" t="s">
        <v>328</v>
      </c>
      <c r="J20" s="81">
        <v>719</v>
      </c>
      <c r="K20" s="82">
        <v>55</v>
      </c>
      <c r="L20">
        <v>27</v>
      </c>
      <c r="M20">
        <v>719</v>
      </c>
      <c r="N20">
        <v>45</v>
      </c>
      <c r="O20" t="s">
        <v>204</v>
      </c>
      <c r="P20">
        <v>7</v>
      </c>
      <c r="Q20">
        <v>12</v>
      </c>
      <c r="R20">
        <v>14</v>
      </c>
      <c r="S20">
        <v>19</v>
      </c>
      <c r="T20">
        <v>14.5</v>
      </c>
      <c r="U20">
        <v>13</v>
      </c>
      <c r="V20">
        <v>12</v>
      </c>
      <c r="W20">
        <v>0</v>
      </c>
      <c r="X20" t="s">
        <v>256</v>
      </c>
      <c r="Y20" t="s">
        <v>256</v>
      </c>
      <c r="Z20" t="s">
        <v>256</v>
      </c>
      <c r="AA20" t="s">
        <v>256</v>
      </c>
      <c r="AB20" t="s">
        <v>256</v>
      </c>
      <c r="AC20" t="s">
        <v>256</v>
      </c>
      <c r="AD20">
        <v>0</v>
      </c>
      <c r="AE20">
        <v>0</v>
      </c>
      <c r="AF20" t="s">
        <v>329</v>
      </c>
      <c r="AG20" t="s">
        <v>330</v>
      </c>
      <c r="AH20" t="s">
        <v>331</v>
      </c>
      <c r="AI20" t="s">
        <v>330</v>
      </c>
      <c r="AJ20" t="s">
        <v>330</v>
      </c>
      <c r="AK20" t="s">
        <v>330</v>
      </c>
      <c r="AL20" t="s">
        <v>330</v>
      </c>
      <c r="AM20">
        <v>0</v>
      </c>
      <c r="AN20" s="37">
        <v>63632</v>
      </c>
      <c r="AO20" s="37">
        <v>0</v>
      </c>
      <c r="AP20" s="37">
        <v>0</v>
      </c>
      <c r="AQ20" s="37">
        <v>0</v>
      </c>
      <c r="AR20" s="37">
        <v>0</v>
      </c>
      <c r="AS20" s="37">
        <v>0</v>
      </c>
      <c r="AT20" s="37">
        <v>0</v>
      </c>
      <c r="AU20" s="37">
        <v>0</v>
      </c>
      <c r="AV20">
        <v>0</v>
      </c>
      <c r="AW20">
        <v>0</v>
      </c>
      <c r="AX20">
        <v>0</v>
      </c>
      <c r="AY20">
        <v>0</v>
      </c>
      <c r="AZ20" t="s">
        <v>332</v>
      </c>
      <c r="BA20" t="s">
        <v>333</v>
      </c>
      <c r="BB20" t="s">
        <v>334</v>
      </c>
      <c r="BC20" t="s">
        <v>335</v>
      </c>
      <c r="BD20" s="37">
        <v>0</v>
      </c>
      <c r="BE20" s="37">
        <v>0</v>
      </c>
      <c r="BF20" s="37">
        <v>0</v>
      </c>
      <c r="BG20" s="37">
        <v>0</v>
      </c>
      <c r="BH20" s="37">
        <v>6090</v>
      </c>
      <c r="BI20" s="37">
        <v>350</v>
      </c>
      <c r="BJ20" s="37">
        <v>7280</v>
      </c>
      <c r="BK20" s="37">
        <v>10540</v>
      </c>
      <c r="BL20">
        <v>45</v>
      </c>
      <c r="BM20" s="37">
        <v>63632</v>
      </c>
      <c r="BN20" s="37">
        <v>24260</v>
      </c>
    </row>
    <row r="21" spans="1:66" x14ac:dyDescent="0.3">
      <c r="A21" s="78" t="s">
        <v>76</v>
      </c>
      <c r="B21" s="79">
        <v>27</v>
      </c>
      <c r="C21" s="80"/>
      <c r="D21" t="s">
        <v>336</v>
      </c>
      <c r="E21">
        <v>544</v>
      </c>
      <c r="G21" s="78" t="s">
        <v>76</v>
      </c>
      <c r="H21" s="79">
        <v>27</v>
      </c>
      <c r="I21" s="81" t="s">
        <v>337</v>
      </c>
      <c r="J21" s="81">
        <v>714</v>
      </c>
      <c r="K21" s="82">
        <v>15</v>
      </c>
      <c r="L21">
        <v>27</v>
      </c>
      <c r="M21">
        <v>714</v>
      </c>
      <c r="N21">
        <v>20</v>
      </c>
      <c r="O21" t="s">
        <v>204</v>
      </c>
      <c r="P21">
        <v>0</v>
      </c>
      <c r="Q21">
        <v>0</v>
      </c>
      <c r="R21">
        <v>0</v>
      </c>
      <c r="S21">
        <v>0</v>
      </c>
      <c r="T21">
        <v>0</v>
      </c>
      <c r="U21">
        <v>0</v>
      </c>
      <c r="V21">
        <v>0</v>
      </c>
      <c r="W21">
        <v>0</v>
      </c>
      <c r="X21" t="s">
        <v>256</v>
      </c>
      <c r="Y21" t="s">
        <v>256</v>
      </c>
      <c r="Z21" t="s">
        <v>256</v>
      </c>
      <c r="AA21">
        <v>0</v>
      </c>
      <c r="AB21">
        <v>0</v>
      </c>
      <c r="AC21">
        <v>0</v>
      </c>
      <c r="AD21">
        <v>0</v>
      </c>
      <c r="AE21">
        <v>0</v>
      </c>
      <c r="AF21" t="s">
        <v>338</v>
      </c>
      <c r="AG21" t="s">
        <v>339</v>
      </c>
      <c r="AH21">
        <v>0</v>
      </c>
      <c r="AI21">
        <v>0</v>
      </c>
      <c r="AJ21">
        <v>0</v>
      </c>
      <c r="AK21">
        <v>0</v>
      </c>
      <c r="AL21">
        <v>0</v>
      </c>
      <c r="AM21">
        <v>0</v>
      </c>
      <c r="AN21" s="37">
        <v>45160.82</v>
      </c>
      <c r="AO21" s="37">
        <v>0</v>
      </c>
      <c r="AP21" s="37">
        <v>1756.31</v>
      </c>
      <c r="AQ21" s="37">
        <v>0</v>
      </c>
      <c r="AR21" s="37">
        <v>0</v>
      </c>
      <c r="AS21" s="37">
        <v>0</v>
      </c>
      <c r="AT21" s="37">
        <v>0</v>
      </c>
      <c r="AU21" s="37">
        <v>0</v>
      </c>
      <c r="AV21">
        <v>0</v>
      </c>
      <c r="AW21" t="s">
        <v>340</v>
      </c>
      <c r="AX21">
        <v>0</v>
      </c>
      <c r="AY21" t="s">
        <v>341</v>
      </c>
      <c r="AZ21">
        <v>0</v>
      </c>
      <c r="BA21">
        <v>0</v>
      </c>
      <c r="BB21">
        <v>0</v>
      </c>
      <c r="BC21">
        <v>0</v>
      </c>
      <c r="BD21" s="37">
        <v>0</v>
      </c>
      <c r="BE21" s="37">
        <v>25757.759999999998</v>
      </c>
      <c r="BF21" s="37">
        <v>0</v>
      </c>
      <c r="BG21" s="37">
        <v>2800</v>
      </c>
      <c r="BH21" s="37">
        <v>0</v>
      </c>
      <c r="BI21" s="37">
        <v>0</v>
      </c>
      <c r="BJ21" s="37">
        <v>0</v>
      </c>
      <c r="BK21" s="37">
        <v>0</v>
      </c>
      <c r="BL21">
        <v>20</v>
      </c>
      <c r="BM21" s="37">
        <v>46917.13</v>
      </c>
      <c r="BN21" s="37">
        <v>28557.759999999998</v>
      </c>
    </row>
    <row r="22" spans="1:66" x14ac:dyDescent="0.3">
      <c r="A22" s="78" t="s">
        <v>76</v>
      </c>
      <c r="B22" s="79">
        <v>27</v>
      </c>
      <c r="C22" s="80"/>
      <c r="D22" t="s">
        <v>342</v>
      </c>
      <c r="E22">
        <v>545</v>
      </c>
      <c r="G22" s="78" t="s">
        <v>76</v>
      </c>
      <c r="H22" s="79">
        <v>27</v>
      </c>
      <c r="I22" s="81" t="s">
        <v>343</v>
      </c>
      <c r="J22" s="81">
        <v>717</v>
      </c>
      <c r="K22" s="82">
        <v>22</v>
      </c>
      <c r="L22">
        <v>27</v>
      </c>
      <c r="M22">
        <v>717</v>
      </c>
      <c r="N22">
        <v>15</v>
      </c>
      <c r="O22" t="s">
        <v>204</v>
      </c>
      <c r="P22">
        <v>32</v>
      </c>
      <c r="Q22">
        <v>103.5</v>
      </c>
      <c r="R22">
        <v>0</v>
      </c>
      <c r="S22">
        <v>0</v>
      </c>
      <c r="T22">
        <v>0</v>
      </c>
      <c r="U22">
        <v>0</v>
      </c>
      <c r="V22">
        <v>0</v>
      </c>
      <c r="W22">
        <v>0</v>
      </c>
      <c r="X22" t="s">
        <v>256</v>
      </c>
      <c r="Y22" t="s">
        <v>256</v>
      </c>
      <c r="Z22">
        <v>0</v>
      </c>
      <c r="AA22">
        <v>0</v>
      </c>
      <c r="AB22">
        <v>0</v>
      </c>
      <c r="AC22">
        <v>0</v>
      </c>
      <c r="AD22">
        <v>0</v>
      </c>
      <c r="AE22">
        <v>0</v>
      </c>
      <c r="AF22" t="s">
        <v>344</v>
      </c>
      <c r="AG22" t="s">
        <v>345</v>
      </c>
      <c r="AH22">
        <v>0</v>
      </c>
      <c r="AI22">
        <v>0</v>
      </c>
      <c r="AJ22">
        <v>0</v>
      </c>
      <c r="AK22">
        <v>0</v>
      </c>
      <c r="AL22">
        <v>0</v>
      </c>
      <c r="AM22">
        <v>0</v>
      </c>
      <c r="AN22" s="37">
        <v>44574</v>
      </c>
      <c r="AO22" s="37">
        <v>0</v>
      </c>
      <c r="AP22" s="37">
        <v>0</v>
      </c>
      <c r="AQ22" s="37">
        <v>0</v>
      </c>
      <c r="AR22" s="37">
        <v>0</v>
      </c>
      <c r="AS22" s="37">
        <v>0</v>
      </c>
      <c r="AT22" s="37">
        <v>0</v>
      </c>
      <c r="AU22" s="37">
        <v>0</v>
      </c>
      <c r="AV22">
        <v>0</v>
      </c>
      <c r="AW22" t="s">
        <v>305</v>
      </c>
      <c r="AX22" t="s">
        <v>346</v>
      </c>
      <c r="AY22">
        <v>0</v>
      </c>
      <c r="AZ22">
        <v>0</v>
      </c>
      <c r="BA22">
        <v>0</v>
      </c>
      <c r="BB22">
        <v>0</v>
      </c>
      <c r="BC22">
        <v>0</v>
      </c>
      <c r="BD22" s="37">
        <v>0</v>
      </c>
      <c r="BE22" s="37">
        <v>2240</v>
      </c>
      <c r="BF22" s="37">
        <v>6439.44</v>
      </c>
      <c r="BG22" s="37">
        <v>0</v>
      </c>
      <c r="BH22" s="37">
        <v>0</v>
      </c>
      <c r="BI22" s="37">
        <v>0</v>
      </c>
      <c r="BJ22" s="37">
        <v>0</v>
      </c>
      <c r="BK22" s="37">
        <v>0</v>
      </c>
      <c r="BL22">
        <v>15</v>
      </c>
      <c r="BM22" s="37">
        <v>44574</v>
      </c>
      <c r="BN22" s="37">
        <v>8679.4399999999987</v>
      </c>
    </row>
    <row r="23" spans="1:66" x14ac:dyDescent="0.3">
      <c r="A23" s="78" t="s">
        <v>76</v>
      </c>
      <c r="B23" s="79">
        <v>27</v>
      </c>
      <c r="C23" s="80"/>
      <c r="D23" t="s">
        <v>347</v>
      </c>
      <c r="E23">
        <v>546</v>
      </c>
      <c r="G23" s="78" t="s">
        <v>76</v>
      </c>
      <c r="H23" s="79">
        <v>27</v>
      </c>
      <c r="I23" s="81" t="s">
        <v>296</v>
      </c>
      <c r="J23" s="81">
        <v>716</v>
      </c>
      <c r="K23" s="82"/>
      <c r="L23">
        <v>27</v>
      </c>
      <c r="M23">
        <v>716</v>
      </c>
      <c r="N23">
        <v>24</v>
      </c>
      <c r="O23" t="s">
        <v>204</v>
      </c>
      <c r="P23">
        <v>24.5</v>
      </c>
      <c r="Q23">
        <v>27</v>
      </c>
      <c r="R23">
        <v>27</v>
      </c>
      <c r="S23">
        <v>25.5</v>
      </c>
      <c r="T23">
        <v>0</v>
      </c>
      <c r="U23">
        <v>0</v>
      </c>
      <c r="V23">
        <v>0</v>
      </c>
      <c r="W23">
        <v>0</v>
      </c>
      <c r="X23" t="s">
        <v>256</v>
      </c>
      <c r="Y23" t="s">
        <v>256</v>
      </c>
      <c r="Z23" t="s">
        <v>256</v>
      </c>
      <c r="AA23" t="s">
        <v>256</v>
      </c>
      <c r="AB23">
        <v>0</v>
      </c>
      <c r="AC23">
        <v>0</v>
      </c>
      <c r="AD23">
        <v>0</v>
      </c>
      <c r="AE23">
        <v>0</v>
      </c>
      <c r="AF23" t="s">
        <v>297</v>
      </c>
      <c r="AG23" t="s">
        <v>297</v>
      </c>
      <c r="AH23" t="s">
        <v>297</v>
      </c>
      <c r="AI23" t="s">
        <v>297</v>
      </c>
      <c r="AJ23">
        <v>0</v>
      </c>
      <c r="AK23">
        <v>0</v>
      </c>
      <c r="AL23">
        <v>0</v>
      </c>
      <c r="AM23">
        <v>0</v>
      </c>
      <c r="AN23" s="37">
        <v>38206</v>
      </c>
      <c r="AO23" s="37">
        <v>0</v>
      </c>
      <c r="AP23" s="37">
        <v>0</v>
      </c>
      <c r="AQ23" s="37">
        <v>0</v>
      </c>
      <c r="AR23" s="37">
        <v>0</v>
      </c>
      <c r="AS23" s="37">
        <v>0</v>
      </c>
      <c r="AT23" s="37">
        <v>0</v>
      </c>
      <c r="AU23" s="37">
        <v>0</v>
      </c>
      <c r="AV23">
        <v>0</v>
      </c>
      <c r="AW23">
        <v>0</v>
      </c>
      <c r="AX23">
        <v>0</v>
      </c>
      <c r="AY23">
        <v>0</v>
      </c>
      <c r="AZ23" t="s">
        <v>298</v>
      </c>
      <c r="BA23" t="s">
        <v>299</v>
      </c>
      <c r="BB23">
        <v>0</v>
      </c>
      <c r="BC23">
        <v>0</v>
      </c>
      <c r="BD23" s="37">
        <v>0</v>
      </c>
      <c r="BE23" s="37">
        <v>0</v>
      </c>
      <c r="BF23" s="37">
        <v>0</v>
      </c>
      <c r="BG23" s="37">
        <v>0</v>
      </c>
      <c r="BH23" s="37">
        <v>23038</v>
      </c>
      <c r="BI23" s="37">
        <v>3360</v>
      </c>
      <c r="BJ23" s="37">
        <v>0</v>
      </c>
      <c r="BK23" s="37">
        <v>0</v>
      </c>
      <c r="BL23">
        <v>24</v>
      </c>
      <c r="BM23" s="37">
        <v>38206</v>
      </c>
      <c r="BN23" s="37">
        <v>26398</v>
      </c>
    </row>
    <row r="24" spans="1:66" x14ac:dyDescent="0.3">
      <c r="A24" s="78" t="s">
        <v>76</v>
      </c>
      <c r="B24" s="79">
        <v>27</v>
      </c>
      <c r="C24" s="80"/>
      <c r="D24" t="s">
        <v>348</v>
      </c>
      <c r="E24">
        <v>547</v>
      </c>
      <c r="G24" s="78" t="s">
        <v>76</v>
      </c>
      <c r="H24" s="79">
        <v>27</v>
      </c>
      <c r="I24" s="81" t="s">
        <v>349</v>
      </c>
      <c r="J24" s="81">
        <v>709</v>
      </c>
      <c r="K24" s="82"/>
      <c r="L24">
        <v>27</v>
      </c>
      <c r="M24">
        <v>709</v>
      </c>
      <c r="N24">
        <v>0</v>
      </c>
      <c r="O24" t="s">
        <v>350</v>
      </c>
      <c r="P24">
        <v>0</v>
      </c>
      <c r="Q24">
        <v>0</v>
      </c>
      <c r="R24">
        <v>0</v>
      </c>
      <c r="S24">
        <v>0</v>
      </c>
      <c r="T24">
        <v>0</v>
      </c>
      <c r="U24">
        <v>0</v>
      </c>
      <c r="V24">
        <v>0</v>
      </c>
      <c r="W24">
        <v>0</v>
      </c>
      <c r="X24">
        <v>0</v>
      </c>
      <c r="Y24">
        <v>0</v>
      </c>
      <c r="Z24">
        <v>0</v>
      </c>
      <c r="AA24">
        <v>0</v>
      </c>
      <c r="AB24">
        <v>0</v>
      </c>
      <c r="AC24">
        <v>0</v>
      </c>
      <c r="AD24">
        <v>0</v>
      </c>
      <c r="AE24">
        <v>0</v>
      </c>
      <c r="AF24">
        <v>0</v>
      </c>
      <c r="AG24">
        <v>0</v>
      </c>
      <c r="AH24">
        <v>0</v>
      </c>
      <c r="AI24">
        <v>0</v>
      </c>
      <c r="AJ24">
        <v>0</v>
      </c>
      <c r="AK24">
        <v>0</v>
      </c>
      <c r="AL24">
        <v>0</v>
      </c>
      <c r="AM24">
        <v>0</v>
      </c>
      <c r="AN24" s="37">
        <v>0</v>
      </c>
      <c r="AO24" s="37">
        <v>0</v>
      </c>
      <c r="AP24" s="37">
        <v>0</v>
      </c>
      <c r="AQ24" s="37">
        <v>0</v>
      </c>
      <c r="AR24" s="37">
        <v>0</v>
      </c>
      <c r="AS24" s="37">
        <v>0</v>
      </c>
      <c r="AT24" s="37">
        <v>0</v>
      </c>
      <c r="AU24" s="37">
        <v>0</v>
      </c>
      <c r="AW24">
        <v>0</v>
      </c>
      <c r="AX24">
        <v>0</v>
      </c>
      <c r="AY24">
        <v>0</v>
      </c>
      <c r="AZ24">
        <v>0</v>
      </c>
      <c r="BA24">
        <v>0</v>
      </c>
      <c r="BB24">
        <v>0</v>
      </c>
      <c r="BC24">
        <v>0</v>
      </c>
      <c r="BD24" s="37">
        <v>0</v>
      </c>
      <c r="BE24" s="37">
        <v>0</v>
      </c>
      <c r="BF24" s="37">
        <v>0</v>
      </c>
      <c r="BG24" s="37">
        <v>0</v>
      </c>
      <c r="BH24" s="37">
        <v>0</v>
      </c>
      <c r="BI24" s="37">
        <v>0</v>
      </c>
      <c r="BJ24" s="37">
        <v>0</v>
      </c>
      <c r="BK24" s="37">
        <v>0</v>
      </c>
      <c r="BL24">
        <v>0</v>
      </c>
      <c r="BM24" s="37">
        <v>0</v>
      </c>
      <c r="BN24" s="37">
        <v>0</v>
      </c>
    </row>
    <row r="25" spans="1:66" x14ac:dyDescent="0.3">
      <c r="A25" s="78" t="s">
        <v>77</v>
      </c>
      <c r="B25" s="79">
        <v>28</v>
      </c>
      <c r="C25" s="80"/>
      <c r="D25" t="s">
        <v>351</v>
      </c>
      <c r="E25">
        <v>548</v>
      </c>
      <c r="G25" s="78" t="s">
        <v>77</v>
      </c>
      <c r="H25" s="79">
        <v>28</v>
      </c>
      <c r="I25" s="81" t="s">
        <v>349</v>
      </c>
      <c r="J25" s="81">
        <v>709</v>
      </c>
      <c r="K25" s="82">
        <v>2</v>
      </c>
      <c r="L25" s="11">
        <v>28</v>
      </c>
      <c r="M25" s="11">
        <v>709</v>
      </c>
      <c r="N25" s="11">
        <v>3</v>
      </c>
      <c r="O25" s="11" t="s">
        <v>259</v>
      </c>
      <c r="P25" s="11">
        <v>59</v>
      </c>
      <c r="Q25" s="11">
        <v>62</v>
      </c>
      <c r="R25" s="11">
        <v>67</v>
      </c>
      <c r="S25" s="11">
        <v>0</v>
      </c>
      <c r="T25" s="11">
        <v>0</v>
      </c>
      <c r="U25" s="11">
        <v>0</v>
      </c>
      <c r="V25" s="11">
        <v>0</v>
      </c>
      <c r="W25" s="11">
        <v>0</v>
      </c>
      <c r="X25" s="11" t="s">
        <v>352</v>
      </c>
      <c r="Y25" s="11" t="s">
        <v>352</v>
      </c>
      <c r="Z25" s="11" t="s">
        <v>352</v>
      </c>
      <c r="AA25" s="11">
        <v>0</v>
      </c>
      <c r="AB25" s="11">
        <v>0</v>
      </c>
      <c r="AC25" s="11">
        <v>0</v>
      </c>
      <c r="AD25" s="11">
        <v>0</v>
      </c>
      <c r="AE25" s="11">
        <v>0</v>
      </c>
      <c r="AF25" s="11" t="s">
        <v>353</v>
      </c>
      <c r="AG25" s="11" t="s">
        <v>353</v>
      </c>
      <c r="AH25" s="11" t="s">
        <v>353</v>
      </c>
      <c r="AI25" s="11">
        <v>0</v>
      </c>
      <c r="AJ25" s="11">
        <v>0</v>
      </c>
      <c r="AK25" s="11">
        <v>0</v>
      </c>
      <c r="AL25" s="11">
        <v>0</v>
      </c>
      <c r="AM25" s="11">
        <v>0</v>
      </c>
      <c r="AN25" s="83">
        <v>0</v>
      </c>
      <c r="AO25" s="83">
        <v>786</v>
      </c>
      <c r="AP25" s="83">
        <v>1572</v>
      </c>
      <c r="AQ25" s="83">
        <v>0</v>
      </c>
      <c r="AR25" s="83">
        <v>0</v>
      </c>
      <c r="AS25" s="83">
        <v>0</v>
      </c>
      <c r="AT25" s="83">
        <v>0</v>
      </c>
      <c r="AU25" s="83">
        <v>0</v>
      </c>
      <c r="AV25" s="11" t="s">
        <v>354</v>
      </c>
      <c r="AW25" s="11" t="s">
        <v>354</v>
      </c>
      <c r="AX25" s="11" t="s">
        <v>354</v>
      </c>
      <c r="AY25" s="11">
        <v>0</v>
      </c>
      <c r="AZ25" s="11">
        <v>0</v>
      </c>
      <c r="BA25" s="11">
        <v>0</v>
      </c>
      <c r="BB25" s="11">
        <v>0</v>
      </c>
      <c r="BC25" s="11">
        <v>0</v>
      </c>
      <c r="BD25" s="83">
        <v>0</v>
      </c>
      <c r="BE25" s="83">
        <v>26333</v>
      </c>
      <c r="BF25" s="83">
        <v>52667</v>
      </c>
      <c r="BG25" s="83">
        <v>0</v>
      </c>
      <c r="BH25" s="83">
        <v>0</v>
      </c>
      <c r="BI25" s="83">
        <v>0</v>
      </c>
      <c r="BJ25" s="83">
        <v>0</v>
      </c>
      <c r="BK25" s="83">
        <v>0</v>
      </c>
      <c r="BL25" s="11">
        <v>3</v>
      </c>
      <c r="BM25" s="83">
        <v>2358</v>
      </c>
      <c r="BN25" s="83">
        <v>79000</v>
      </c>
    </row>
    <row r="26" spans="1:66" x14ac:dyDescent="0.3">
      <c r="A26" s="78" t="s">
        <v>77</v>
      </c>
      <c r="B26" s="79">
        <v>28</v>
      </c>
      <c r="C26" s="80"/>
      <c r="D26" t="s">
        <v>355</v>
      </c>
      <c r="E26">
        <v>549</v>
      </c>
      <c r="G26" s="78" t="s">
        <v>77</v>
      </c>
      <c r="H26" s="79">
        <v>28</v>
      </c>
      <c r="I26" s="81" t="s">
        <v>356</v>
      </c>
      <c r="J26" s="81">
        <v>721</v>
      </c>
      <c r="K26" s="82">
        <v>2</v>
      </c>
      <c r="L26" s="86">
        <v>28</v>
      </c>
      <c r="M26" s="11">
        <v>721</v>
      </c>
      <c r="N26" s="11">
        <v>0</v>
      </c>
      <c r="O26" s="11" t="s">
        <v>259</v>
      </c>
      <c r="P26" s="11">
        <v>0</v>
      </c>
      <c r="Q26" s="11">
        <v>0</v>
      </c>
      <c r="R26" s="11">
        <v>0</v>
      </c>
      <c r="S26" s="11">
        <v>0</v>
      </c>
      <c r="T26" s="11">
        <v>0</v>
      </c>
      <c r="U26" s="11">
        <v>0</v>
      </c>
      <c r="V26" s="11">
        <v>0</v>
      </c>
      <c r="W26" s="11">
        <v>0</v>
      </c>
      <c r="X26" s="11">
        <v>0</v>
      </c>
      <c r="Y26" s="11">
        <v>0</v>
      </c>
      <c r="Z26" s="11">
        <v>0</v>
      </c>
      <c r="AA26" s="11">
        <v>0</v>
      </c>
      <c r="AB26" s="11">
        <v>0</v>
      </c>
      <c r="AC26" s="11">
        <v>0</v>
      </c>
      <c r="AD26" s="11">
        <v>0</v>
      </c>
      <c r="AE26" s="11">
        <v>0</v>
      </c>
      <c r="AF26" s="11">
        <v>0</v>
      </c>
      <c r="AG26" s="11">
        <v>0</v>
      </c>
      <c r="AH26" s="11">
        <v>0</v>
      </c>
      <c r="AI26" s="11">
        <v>0</v>
      </c>
      <c r="AJ26" s="11">
        <v>0</v>
      </c>
      <c r="AK26" s="11">
        <v>0</v>
      </c>
      <c r="AL26" s="11">
        <v>0</v>
      </c>
      <c r="AM26" s="11">
        <v>0</v>
      </c>
      <c r="AN26" s="83">
        <v>0</v>
      </c>
      <c r="AO26" s="83">
        <v>0</v>
      </c>
      <c r="AP26" s="83">
        <v>0</v>
      </c>
      <c r="AQ26" s="83">
        <v>0</v>
      </c>
      <c r="AR26" s="83">
        <v>0</v>
      </c>
      <c r="AS26" s="83">
        <v>0</v>
      </c>
      <c r="AT26" s="83">
        <v>0</v>
      </c>
      <c r="AU26" s="83">
        <v>0</v>
      </c>
      <c r="AV26" s="11">
        <v>0</v>
      </c>
      <c r="AW26" s="11">
        <v>0</v>
      </c>
      <c r="AX26" s="11">
        <v>0</v>
      </c>
      <c r="AY26" s="11">
        <v>0</v>
      </c>
      <c r="AZ26" s="11">
        <v>0</v>
      </c>
      <c r="BA26" s="11">
        <v>0</v>
      </c>
      <c r="BB26" s="11">
        <v>0</v>
      </c>
      <c r="BC26" s="11">
        <v>0</v>
      </c>
      <c r="BD26" s="83">
        <v>0</v>
      </c>
      <c r="BE26" s="83">
        <v>0</v>
      </c>
      <c r="BF26" s="83">
        <v>0</v>
      </c>
      <c r="BG26" s="83">
        <v>0</v>
      </c>
      <c r="BH26" s="83">
        <v>0</v>
      </c>
      <c r="BI26" s="83">
        <v>0</v>
      </c>
      <c r="BJ26" s="83">
        <v>0</v>
      </c>
      <c r="BK26" s="83">
        <v>0</v>
      </c>
      <c r="BL26" s="11">
        <v>0</v>
      </c>
      <c r="BM26" s="83">
        <v>0</v>
      </c>
      <c r="BN26" s="83">
        <v>0</v>
      </c>
    </row>
    <row r="27" spans="1:66" x14ac:dyDescent="0.3">
      <c r="A27" s="78" t="s">
        <v>77</v>
      </c>
      <c r="B27" s="79">
        <v>28</v>
      </c>
      <c r="C27" s="80"/>
      <c r="D27" t="s">
        <v>357</v>
      </c>
      <c r="E27">
        <v>550</v>
      </c>
      <c r="G27" s="78" t="s">
        <v>77</v>
      </c>
      <c r="H27" s="79">
        <v>28</v>
      </c>
      <c r="I27" s="81" t="s">
        <v>358</v>
      </c>
      <c r="J27" s="81">
        <v>715</v>
      </c>
      <c r="K27" s="82">
        <v>31</v>
      </c>
      <c r="L27" s="86">
        <v>28</v>
      </c>
      <c r="M27" s="11">
        <v>715</v>
      </c>
      <c r="N27" s="11">
        <v>15</v>
      </c>
      <c r="O27" s="11" t="s">
        <v>259</v>
      </c>
      <c r="P27" s="11">
        <v>6.7</v>
      </c>
      <c r="Q27" s="11">
        <v>4.5999999999999996</v>
      </c>
      <c r="R27" s="11">
        <v>1.2</v>
      </c>
      <c r="S27" s="11">
        <v>2.1</v>
      </c>
      <c r="T27" s="11">
        <v>0</v>
      </c>
      <c r="U27" s="11">
        <v>0</v>
      </c>
      <c r="V27" s="11">
        <v>0</v>
      </c>
      <c r="W27" s="11">
        <v>0</v>
      </c>
      <c r="X27" s="11" t="s">
        <v>359</v>
      </c>
      <c r="Y27" s="11" t="s">
        <v>359</v>
      </c>
      <c r="Z27" s="11" t="s">
        <v>359</v>
      </c>
      <c r="AA27" s="11" t="s">
        <v>359</v>
      </c>
      <c r="AB27" s="11">
        <v>0</v>
      </c>
      <c r="AC27" s="11">
        <v>0</v>
      </c>
      <c r="AD27" s="11">
        <v>0</v>
      </c>
      <c r="AE27" s="11">
        <v>0</v>
      </c>
      <c r="AF27" s="11" t="s">
        <v>360</v>
      </c>
      <c r="AG27" s="11" t="s">
        <v>360</v>
      </c>
      <c r="AH27" s="11" t="s">
        <v>360</v>
      </c>
      <c r="AI27" s="11" t="s">
        <v>360</v>
      </c>
      <c r="AJ27" s="11">
        <v>0</v>
      </c>
      <c r="AK27" s="11">
        <v>0</v>
      </c>
      <c r="AL27" s="11">
        <v>0</v>
      </c>
      <c r="AM27" s="11">
        <v>0</v>
      </c>
      <c r="AN27" s="83">
        <v>3930</v>
      </c>
      <c r="AO27" s="83">
        <v>786</v>
      </c>
      <c r="AP27" s="83">
        <v>1572</v>
      </c>
      <c r="AQ27" s="83">
        <v>5502</v>
      </c>
      <c r="AR27" s="83">
        <v>0</v>
      </c>
      <c r="AS27" s="83">
        <v>0</v>
      </c>
      <c r="AT27" s="83">
        <v>0</v>
      </c>
      <c r="AU27" s="83">
        <v>0</v>
      </c>
      <c r="AV27" s="11">
        <v>0</v>
      </c>
      <c r="AW27" s="11">
        <v>0</v>
      </c>
      <c r="AX27" s="11">
        <v>0</v>
      </c>
      <c r="AY27" s="11">
        <v>0</v>
      </c>
      <c r="AZ27" s="11">
        <v>0</v>
      </c>
      <c r="BA27" s="11">
        <v>0</v>
      </c>
      <c r="BB27" s="11">
        <v>0</v>
      </c>
      <c r="BC27" s="11">
        <v>0</v>
      </c>
      <c r="BD27" s="83">
        <v>0</v>
      </c>
      <c r="BE27" s="83">
        <v>0</v>
      </c>
      <c r="BF27" s="83">
        <v>0</v>
      </c>
      <c r="BG27" s="83">
        <v>0</v>
      </c>
      <c r="BH27" s="83">
        <v>0</v>
      </c>
      <c r="BI27" s="83">
        <v>0</v>
      </c>
      <c r="BJ27" s="83">
        <v>0</v>
      </c>
      <c r="BK27" s="83">
        <v>0</v>
      </c>
      <c r="BL27" s="11">
        <v>15</v>
      </c>
      <c r="BM27" s="83">
        <v>11790</v>
      </c>
      <c r="BN27" s="83">
        <v>0</v>
      </c>
    </row>
    <row r="28" spans="1:66" x14ac:dyDescent="0.3">
      <c r="A28" s="78" t="s">
        <v>77</v>
      </c>
      <c r="B28" s="79">
        <v>28</v>
      </c>
      <c r="C28" s="80"/>
      <c r="D28" t="s">
        <v>361</v>
      </c>
      <c r="E28">
        <v>552</v>
      </c>
      <c r="G28" s="78" t="s">
        <v>77</v>
      </c>
      <c r="H28" s="79">
        <v>28</v>
      </c>
      <c r="I28" s="81" t="s">
        <v>362</v>
      </c>
      <c r="J28" s="81">
        <v>720</v>
      </c>
      <c r="K28" s="82">
        <v>43</v>
      </c>
      <c r="L28" s="86">
        <v>28</v>
      </c>
      <c r="M28" s="11">
        <v>720</v>
      </c>
      <c r="N28" s="11">
        <v>43</v>
      </c>
      <c r="O28" s="11" t="s">
        <v>259</v>
      </c>
      <c r="P28" s="11">
        <v>109</v>
      </c>
      <c r="Q28" s="11">
        <v>109</v>
      </c>
      <c r="R28" s="11">
        <v>4.7</v>
      </c>
      <c r="S28" s="11">
        <v>109</v>
      </c>
      <c r="T28" s="11">
        <v>115</v>
      </c>
      <c r="U28" s="11">
        <v>0</v>
      </c>
      <c r="V28" s="11">
        <v>0</v>
      </c>
      <c r="W28" s="11">
        <v>0</v>
      </c>
      <c r="X28" s="11" t="s">
        <v>363</v>
      </c>
      <c r="Y28" s="11" t="s">
        <v>363</v>
      </c>
      <c r="Z28" s="11" t="s">
        <v>363</v>
      </c>
      <c r="AA28" s="11">
        <v>0</v>
      </c>
      <c r="AB28" s="11" t="s">
        <v>363</v>
      </c>
      <c r="AC28" s="11">
        <v>0</v>
      </c>
      <c r="AD28" s="11">
        <v>0</v>
      </c>
      <c r="AE28" s="11">
        <v>0</v>
      </c>
      <c r="AF28" s="11" t="s">
        <v>364</v>
      </c>
      <c r="AG28" s="11" t="s">
        <v>364</v>
      </c>
      <c r="AH28" s="11" t="s">
        <v>365</v>
      </c>
      <c r="AI28" s="11" t="s">
        <v>364</v>
      </c>
      <c r="AJ28" s="11" t="s">
        <v>364</v>
      </c>
      <c r="AK28" s="11">
        <v>0</v>
      </c>
      <c r="AL28" s="11">
        <v>0</v>
      </c>
      <c r="AM28" s="11">
        <v>0</v>
      </c>
      <c r="AN28" s="83">
        <v>10218</v>
      </c>
      <c r="AO28" s="83">
        <v>0</v>
      </c>
      <c r="AP28" s="83">
        <v>18078</v>
      </c>
      <c r="AQ28" s="83">
        <v>0</v>
      </c>
      <c r="AR28" s="83">
        <v>5502</v>
      </c>
      <c r="AS28" s="83">
        <v>0</v>
      </c>
      <c r="AT28" s="83">
        <v>0</v>
      </c>
      <c r="AU28" s="83">
        <v>0</v>
      </c>
      <c r="AV28" s="11" t="s">
        <v>366</v>
      </c>
      <c r="AW28" s="11" t="s">
        <v>366</v>
      </c>
      <c r="AX28" s="11">
        <v>0</v>
      </c>
      <c r="AY28" s="11" t="s">
        <v>366</v>
      </c>
      <c r="AZ28" s="11" t="s">
        <v>366</v>
      </c>
      <c r="BA28" s="11">
        <v>0</v>
      </c>
      <c r="BB28" s="11">
        <v>0</v>
      </c>
      <c r="BC28" s="11">
        <v>0</v>
      </c>
      <c r="BD28" s="83">
        <v>60450</v>
      </c>
      <c r="BE28" s="83">
        <v>0</v>
      </c>
      <c r="BF28" s="83">
        <v>0</v>
      </c>
      <c r="BG28" s="83">
        <v>0</v>
      </c>
      <c r="BH28" s="83">
        <v>32550</v>
      </c>
      <c r="BI28" s="83">
        <v>0</v>
      </c>
      <c r="BJ28" s="83">
        <v>0</v>
      </c>
      <c r="BK28" s="83">
        <v>0</v>
      </c>
      <c r="BL28" s="11">
        <v>43</v>
      </c>
      <c r="BM28" s="83">
        <v>33798</v>
      </c>
      <c r="BN28" s="83">
        <v>93000</v>
      </c>
    </row>
    <row r="29" spans="1:66" x14ac:dyDescent="0.3">
      <c r="A29" s="78" t="s">
        <v>77</v>
      </c>
      <c r="B29" s="79">
        <v>28</v>
      </c>
      <c r="C29" s="80"/>
      <c r="D29" t="s">
        <v>367</v>
      </c>
      <c r="E29">
        <v>553</v>
      </c>
      <c r="G29" s="78" t="s">
        <v>77</v>
      </c>
      <c r="H29" s="79">
        <v>28</v>
      </c>
      <c r="I29" s="81" t="s">
        <v>301</v>
      </c>
      <c r="J29" s="81">
        <v>723</v>
      </c>
      <c r="K29" s="85">
        <v>1</v>
      </c>
    </row>
    <row r="30" spans="1:66" x14ac:dyDescent="0.3">
      <c r="A30" s="78" t="s">
        <v>77</v>
      </c>
      <c r="B30" s="79">
        <v>28</v>
      </c>
      <c r="C30" s="80"/>
      <c r="D30" t="s">
        <v>368</v>
      </c>
      <c r="E30">
        <v>555</v>
      </c>
      <c r="G30" s="78" t="s">
        <v>77</v>
      </c>
      <c r="H30" s="79">
        <v>28</v>
      </c>
      <c r="I30" s="81" t="s">
        <v>322</v>
      </c>
      <c r="J30" s="81">
        <v>722</v>
      </c>
      <c r="K30" s="85">
        <v>6</v>
      </c>
    </row>
    <row r="31" spans="1:66" x14ac:dyDescent="0.3">
      <c r="A31" s="78" t="s">
        <v>77</v>
      </c>
      <c r="B31" s="79">
        <v>28</v>
      </c>
      <c r="C31" s="80"/>
      <c r="D31" t="s">
        <v>368</v>
      </c>
      <c r="E31">
        <v>555</v>
      </c>
      <c r="G31" s="78" t="s">
        <v>77</v>
      </c>
      <c r="H31" s="79">
        <v>28</v>
      </c>
      <c r="I31" s="81" t="s">
        <v>337</v>
      </c>
      <c r="J31" s="81">
        <v>714</v>
      </c>
      <c r="K31" s="85">
        <v>1</v>
      </c>
    </row>
    <row r="32" spans="1:66" x14ac:dyDescent="0.3">
      <c r="A32" s="78" t="s">
        <v>78</v>
      </c>
      <c r="B32" s="79">
        <v>33</v>
      </c>
      <c r="C32" s="80"/>
      <c r="D32" t="s">
        <v>368</v>
      </c>
      <c r="E32">
        <v>555</v>
      </c>
      <c r="G32" s="78" t="s">
        <v>78</v>
      </c>
      <c r="H32" s="79">
        <v>33</v>
      </c>
      <c r="I32" s="81" t="s">
        <v>369</v>
      </c>
      <c r="J32" s="81">
        <v>584</v>
      </c>
      <c r="K32" s="82">
        <v>39</v>
      </c>
      <c r="L32" s="86">
        <v>33</v>
      </c>
      <c r="M32" s="11">
        <v>584</v>
      </c>
      <c r="N32" s="11">
        <v>38</v>
      </c>
      <c r="O32" s="11" t="s">
        <v>259</v>
      </c>
      <c r="P32" s="11">
        <v>15</v>
      </c>
      <c r="Q32" s="11">
        <v>11</v>
      </c>
      <c r="R32" s="11">
        <v>19.3</v>
      </c>
      <c r="S32" s="11">
        <v>14.2</v>
      </c>
      <c r="T32" s="11">
        <v>4</v>
      </c>
      <c r="U32" s="11">
        <v>0</v>
      </c>
      <c r="V32" s="11">
        <v>0</v>
      </c>
      <c r="W32" s="11">
        <v>0</v>
      </c>
      <c r="X32" s="11" t="s">
        <v>256</v>
      </c>
      <c r="Y32" s="11" t="s">
        <v>256</v>
      </c>
      <c r="Z32" s="11" t="s">
        <v>256</v>
      </c>
      <c r="AA32" s="11" t="s">
        <v>256</v>
      </c>
      <c r="AB32" s="11" t="s">
        <v>256</v>
      </c>
      <c r="AC32" s="11">
        <v>0</v>
      </c>
      <c r="AD32" s="11">
        <v>0</v>
      </c>
      <c r="AE32" s="11">
        <v>0</v>
      </c>
      <c r="AF32" s="11" t="s">
        <v>370</v>
      </c>
      <c r="AG32" s="11" t="s">
        <v>371</v>
      </c>
      <c r="AH32" s="11" t="s">
        <v>372</v>
      </c>
      <c r="AI32" s="11" t="s">
        <v>370</v>
      </c>
      <c r="AJ32" s="11" t="s">
        <v>371</v>
      </c>
      <c r="AK32" s="11">
        <v>0</v>
      </c>
      <c r="AL32" s="11">
        <v>0</v>
      </c>
      <c r="AM32" s="11">
        <v>0</v>
      </c>
      <c r="AN32" s="83">
        <v>0</v>
      </c>
      <c r="AO32" s="83">
        <v>13225.9</v>
      </c>
      <c r="AP32" s="83">
        <v>0</v>
      </c>
      <c r="AQ32" s="83">
        <v>0</v>
      </c>
      <c r="AR32" s="83">
        <v>33064.75</v>
      </c>
      <c r="AS32" s="83">
        <v>0</v>
      </c>
      <c r="AT32" s="83">
        <v>0</v>
      </c>
      <c r="AU32" s="83">
        <v>0</v>
      </c>
      <c r="AV32" s="11" t="s">
        <v>373</v>
      </c>
      <c r="AW32" s="11" t="s">
        <v>374</v>
      </c>
      <c r="AX32" s="11" t="s">
        <v>373</v>
      </c>
      <c r="AY32" s="11" t="s">
        <v>374</v>
      </c>
      <c r="AZ32" s="11" t="s">
        <v>374</v>
      </c>
      <c r="BA32" s="11">
        <v>0</v>
      </c>
      <c r="BB32" s="11">
        <v>0</v>
      </c>
      <c r="BC32" s="11">
        <v>0</v>
      </c>
      <c r="BD32" s="83">
        <v>1025.47</v>
      </c>
      <c r="BE32" s="83">
        <v>0</v>
      </c>
      <c r="BF32" s="83">
        <v>1025.47</v>
      </c>
      <c r="BG32" s="83">
        <v>1025.47</v>
      </c>
      <c r="BH32" s="83">
        <v>0</v>
      </c>
      <c r="BI32" s="83">
        <v>0</v>
      </c>
      <c r="BJ32" s="83">
        <v>0</v>
      </c>
      <c r="BK32" s="83">
        <v>0</v>
      </c>
      <c r="BL32" s="11">
        <v>38</v>
      </c>
      <c r="BM32" s="83">
        <v>46290.65</v>
      </c>
      <c r="BN32" s="83">
        <v>3076.41</v>
      </c>
    </row>
    <row r="33" spans="1:66" x14ac:dyDescent="0.3">
      <c r="A33" s="78" t="s">
        <v>78</v>
      </c>
      <c r="B33" s="79">
        <v>33</v>
      </c>
      <c r="C33" s="80"/>
      <c r="D33" t="s">
        <v>368</v>
      </c>
      <c r="E33">
        <v>555</v>
      </c>
      <c r="G33" s="78" t="s">
        <v>78</v>
      </c>
      <c r="H33" s="79">
        <v>33</v>
      </c>
      <c r="I33" s="81" t="s">
        <v>375</v>
      </c>
      <c r="J33" s="81">
        <v>581</v>
      </c>
      <c r="K33" s="85">
        <v>3</v>
      </c>
      <c r="L33" s="86"/>
      <c r="M33" s="11"/>
      <c r="N33" s="11"/>
      <c r="O33" s="11"/>
      <c r="P33" s="11"/>
      <c r="Q33" s="11"/>
      <c r="R33" s="11"/>
      <c r="S33" s="11"/>
      <c r="T33" s="11"/>
      <c r="U33" s="11"/>
      <c r="V33" s="11"/>
      <c r="W33" s="11"/>
      <c r="X33" s="11"/>
      <c r="Y33" s="11"/>
      <c r="Z33" s="11"/>
      <c r="AA33" s="11"/>
      <c r="AB33" s="11"/>
      <c r="AC33" s="11"/>
      <c r="AD33" s="11"/>
      <c r="AE33" s="11"/>
      <c r="AF33" s="11"/>
      <c r="AG33" s="11"/>
      <c r="AH33" s="11"/>
      <c r="AI33" s="11"/>
      <c r="AJ33" s="11"/>
      <c r="AK33" s="11"/>
      <c r="AL33" s="11"/>
      <c r="AM33" s="11"/>
      <c r="AN33" s="83"/>
      <c r="AO33" s="83"/>
      <c r="AP33" s="83"/>
      <c r="AQ33" s="83"/>
      <c r="AR33" s="83"/>
      <c r="AS33" s="83"/>
      <c r="AT33" s="83"/>
      <c r="AU33" s="83"/>
      <c r="AV33" s="11"/>
      <c r="AW33" s="11"/>
      <c r="AX33" s="11"/>
      <c r="AY33" s="11"/>
      <c r="AZ33" s="11"/>
      <c r="BA33" s="11"/>
      <c r="BB33" s="11"/>
      <c r="BC33" s="11"/>
      <c r="BD33" s="83"/>
      <c r="BE33" s="83"/>
      <c r="BF33" s="83"/>
      <c r="BG33" s="83"/>
      <c r="BH33" s="83"/>
      <c r="BI33" s="83"/>
      <c r="BJ33" s="83"/>
      <c r="BK33" s="83"/>
      <c r="BL33" s="11"/>
      <c r="BM33" s="83"/>
      <c r="BN33" s="83"/>
    </row>
    <row r="34" spans="1:66" x14ac:dyDescent="0.3">
      <c r="A34" s="78" t="s">
        <v>78</v>
      </c>
      <c r="B34" s="79">
        <v>33</v>
      </c>
      <c r="C34" s="80"/>
      <c r="D34" t="s">
        <v>368</v>
      </c>
      <c r="E34">
        <v>555</v>
      </c>
      <c r="G34" s="78" t="s">
        <v>78</v>
      </c>
      <c r="H34" s="79">
        <v>33</v>
      </c>
      <c r="I34" s="81" t="s">
        <v>376</v>
      </c>
      <c r="J34" s="81">
        <v>570</v>
      </c>
      <c r="K34" s="82">
        <v>21</v>
      </c>
      <c r="L34" s="86">
        <v>33</v>
      </c>
      <c r="M34" s="11">
        <v>570</v>
      </c>
      <c r="N34" s="11">
        <v>9</v>
      </c>
      <c r="O34" s="11" t="s">
        <v>259</v>
      </c>
      <c r="P34" s="11">
        <v>3.8</v>
      </c>
      <c r="Q34" s="11">
        <v>4.5</v>
      </c>
      <c r="R34" s="11">
        <v>2.8</v>
      </c>
      <c r="S34" s="11">
        <v>0</v>
      </c>
      <c r="T34" s="11">
        <v>0</v>
      </c>
      <c r="U34" s="11">
        <v>0</v>
      </c>
      <c r="V34" s="11">
        <v>0</v>
      </c>
      <c r="W34" s="11">
        <v>0</v>
      </c>
      <c r="X34" s="11" t="s">
        <v>256</v>
      </c>
      <c r="Y34" s="11" t="s">
        <v>256</v>
      </c>
      <c r="Z34" s="11" t="s">
        <v>256</v>
      </c>
      <c r="AA34" s="11">
        <v>0</v>
      </c>
      <c r="AB34" s="11">
        <v>0</v>
      </c>
      <c r="AC34" s="11">
        <v>0</v>
      </c>
      <c r="AD34" s="11">
        <v>0</v>
      </c>
      <c r="AE34" s="11">
        <v>0</v>
      </c>
      <c r="AF34" s="11" t="s">
        <v>371</v>
      </c>
      <c r="AG34" s="11" t="s">
        <v>371</v>
      </c>
      <c r="AH34" s="11" t="s">
        <v>371</v>
      </c>
      <c r="AI34" s="11">
        <v>0</v>
      </c>
      <c r="AJ34" s="11">
        <v>0</v>
      </c>
      <c r="AK34" s="11">
        <v>0</v>
      </c>
      <c r="AL34" s="11">
        <v>0</v>
      </c>
      <c r="AM34" s="11">
        <v>0</v>
      </c>
      <c r="AN34" s="83">
        <v>3967.77</v>
      </c>
      <c r="AO34" s="83">
        <v>2645.18</v>
      </c>
      <c r="AP34" s="83">
        <v>5290.36</v>
      </c>
      <c r="AQ34" s="83">
        <v>0</v>
      </c>
      <c r="AR34" s="83">
        <v>0</v>
      </c>
      <c r="AS34" s="83">
        <v>0</v>
      </c>
      <c r="AT34" s="83">
        <v>0</v>
      </c>
      <c r="AU34" s="83">
        <v>0</v>
      </c>
      <c r="AV34" s="11" t="s">
        <v>374</v>
      </c>
      <c r="AW34" s="11" t="s">
        <v>374</v>
      </c>
      <c r="AX34" s="11" t="s">
        <v>374</v>
      </c>
      <c r="AY34" s="11">
        <v>0</v>
      </c>
      <c r="AZ34" s="11">
        <v>0</v>
      </c>
      <c r="BA34" s="11">
        <v>0</v>
      </c>
      <c r="BB34" s="11">
        <v>0</v>
      </c>
      <c r="BC34" s="11">
        <v>0</v>
      </c>
      <c r="BD34" s="83">
        <v>0</v>
      </c>
      <c r="BE34" s="83">
        <v>0</v>
      </c>
      <c r="BF34" s="83">
        <v>0</v>
      </c>
      <c r="BG34" s="83">
        <v>0</v>
      </c>
      <c r="BH34" s="83">
        <v>0</v>
      </c>
      <c r="BI34" s="83">
        <v>0</v>
      </c>
      <c r="BJ34" s="83">
        <v>0</v>
      </c>
      <c r="BK34" s="83">
        <v>0</v>
      </c>
      <c r="BL34" s="11">
        <v>9</v>
      </c>
      <c r="BM34" s="83">
        <v>11903.31</v>
      </c>
      <c r="BN34" s="83">
        <v>0</v>
      </c>
    </row>
    <row r="35" spans="1:66" x14ac:dyDescent="0.3">
      <c r="A35" s="78" t="s">
        <v>78</v>
      </c>
      <c r="B35" s="79">
        <v>33</v>
      </c>
      <c r="C35" s="80"/>
      <c r="D35" t="s">
        <v>368</v>
      </c>
      <c r="E35">
        <v>555</v>
      </c>
      <c r="G35" s="78" t="s">
        <v>78</v>
      </c>
      <c r="H35" s="79">
        <v>33</v>
      </c>
      <c r="I35" s="81" t="s">
        <v>377</v>
      </c>
      <c r="J35" s="81">
        <v>587</v>
      </c>
      <c r="K35" s="85">
        <v>1</v>
      </c>
      <c r="L35" s="86">
        <v>33</v>
      </c>
      <c r="M35" s="11">
        <v>580</v>
      </c>
      <c r="N35" s="11">
        <v>3</v>
      </c>
      <c r="O35" s="11" t="s">
        <v>259</v>
      </c>
      <c r="P35" s="11">
        <v>2.6</v>
      </c>
      <c r="Q35" s="11">
        <v>3.7</v>
      </c>
      <c r="R35" s="11">
        <v>0</v>
      </c>
      <c r="S35" s="11">
        <v>0</v>
      </c>
      <c r="T35" s="11">
        <v>0</v>
      </c>
      <c r="U35" s="11">
        <v>0</v>
      </c>
      <c r="V35" s="11">
        <v>0</v>
      </c>
      <c r="W35" s="11">
        <v>0</v>
      </c>
      <c r="X35" s="11" t="s">
        <v>256</v>
      </c>
      <c r="Y35" s="11" t="s">
        <v>256</v>
      </c>
      <c r="Z35" s="11">
        <v>0</v>
      </c>
      <c r="AA35" s="11">
        <v>0</v>
      </c>
      <c r="AB35" s="11">
        <v>0</v>
      </c>
      <c r="AC35" s="11">
        <v>0</v>
      </c>
      <c r="AD35" s="11">
        <v>0</v>
      </c>
      <c r="AE35" s="11">
        <v>0</v>
      </c>
      <c r="AF35" s="11" t="s">
        <v>370</v>
      </c>
      <c r="AG35" s="11" t="s">
        <v>371</v>
      </c>
      <c r="AH35" s="11">
        <v>0</v>
      </c>
      <c r="AI35" s="11">
        <v>0</v>
      </c>
      <c r="AJ35" s="11">
        <v>0</v>
      </c>
      <c r="AK35" s="11">
        <v>0</v>
      </c>
      <c r="AL35" s="11">
        <v>0</v>
      </c>
      <c r="AM35" s="11">
        <v>0</v>
      </c>
      <c r="AN35" s="83">
        <v>0</v>
      </c>
      <c r="AO35" s="83">
        <v>1322.59</v>
      </c>
      <c r="AP35" s="83">
        <v>0</v>
      </c>
      <c r="AQ35" s="83">
        <v>0</v>
      </c>
      <c r="AR35" s="83">
        <v>0</v>
      </c>
      <c r="AS35" s="83">
        <v>0</v>
      </c>
      <c r="AT35" s="83">
        <v>0</v>
      </c>
      <c r="AU35" s="83">
        <v>0</v>
      </c>
      <c r="AV35" s="11" t="s">
        <v>373</v>
      </c>
      <c r="AW35" s="11" t="s">
        <v>374</v>
      </c>
      <c r="AX35" s="11">
        <v>0</v>
      </c>
      <c r="AY35" s="11">
        <v>0</v>
      </c>
      <c r="AZ35" s="11">
        <v>0</v>
      </c>
      <c r="BA35" s="11">
        <v>0</v>
      </c>
      <c r="BB35" s="11">
        <v>0</v>
      </c>
      <c r="BC35" s="11">
        <v>0</v>
      </c>
      <c r="BD35" s="83">
        <v>2050.94</v>
      </c>
      <c r="BE35" s="83">
        <v>0</v>
      </c>
      <c r="BF35" s="83">
        <v>0</v>
      </c>
      <c r="BG35" s="83">
        <v>0</v>
      </c>
      <c r="BH35" s="83">
        <v>0</v>
      </c>
      <c r="BI35" s="83">
        <v>0</v>
      </c>
      <c r="BJ35" s="83">
        <v>0</v>
      </c>
      <c r="BK35" s="83">
        <v>0</v>
      </c>
      <c r="BL35" s="11">
        <v>3</v>
      </c>
      <c r="BM35" s="83">
        <v>1322.59</v>
      </c>
      <c r="BN35" s="83">
        <v>2050.94</v>
      </c>
    </row>
    <row r="36" spans="1:66" x14ac:dyDescent="0.3">
      <c r="A36" s="78"/>
      <c r="B36" s="79">
        <v>33</v>
      </c>
      <c r="C36" s="80"/>
      <c r="D36" t="s">
        <v>378</v>
      </c>
      <c r="E36">
        <v>556</v>
      </c>
      <c r="G36" s="78"/>
      <c r="H36" s="79">
        <v>33</v>
      </c>
      <c r="I36" s="81" t="s">
        <v>379</v>
      </c>
      <c r="J36" s="81">
        <v>573</v>
      </c>
      <c r="K36" s="82">
        <v>67</v>
      </c>
      <c r="L36" s="86">
        <v>33</v>
      </c>
      <c r="M36" s="11">
        <v>573</v>
      </c>
      <c r="N36" s="11">
        <v>36</v>
      </c>
      <c r="O36" s="11" t="s">
        <v>259</v>
      </c>
      <c r="P36" s="11">
        <v>3</v>
      </c>
      <c r="Q36" s="11">
        <v>2.6</v>
      </c>
      <c r="R36" s="11">
        <v>4.5999999999999996</v>
      </c>
      <c r="S36" s="11">
        <v>3.2</v>
      </c>
      <c r="T36" s="11">
        <v>3</v>
      </c>
      <c r="U36" s="11">
        <v>0.5</v>
      </c>
      <c r="V36" s="11">
        <v>8.6999999999999993</v>
      </c>
      <c r="W36" s="11">
        <v>0</v>
      </c>
      <c r="X36" s="11" t="s">
        <v>256</v>
      </c>
      <c r="Y36" s="11" t="s">
        <v>256</v>
      </c>
      <c r="Z36" s="11" t="s">
        <v>380</v>
      </c>
      <c r="AA36" s="11" t="s">
        <v>256</v>
      </c>
      <c r="AB36" s="11" t="s">
        <v>256</v>
      </c>
      <c r="AC36" s="11" t="s">
        <v>256</v>
      </c>
      <c r="AD36" s="11">
        <v>0</v>
      </c>
      <c r="AE36" s="11">
        <v>0</v>
      </c>
      <c r="AF36" s="11" t="s">
        <v>370</v>
      </c>
      <c r="AG36" s="11" t="s">
        <v>371</v>
      </c>
      <c r="AH36" s="11">
        <v>0</v>
      </c>
      <c r="AI36" s="11" t="s">
        <v>371</v>
      </c>
      <c r="AJ36" s="11" t="s">
        <v>372</v>
      </c>
      <c r="AK36" s="11" t="s">
        <v>371</v>
      </c>
      <c r="AL36" s="11" t="s">
        <v>370</v>
      </c>
      <c r="AM36" s="11">
        <v>0</v>
      </c>
      <c r="AN36" s="83">
        <v>0</v>
      </c>
      <c r="AO36" s="83">
        <v>15871.08</v>
      </c>
      <c r="AP36" s="83">
        <v>0</v>
      </c>
      <c r="AQ36" s="83">
        <v>6612.95</v>
      </c>
      <c r="AR36" s="83">
        <v>0</v>
      </c>
      <c r="AS36" s="83">
        <v>10580.72</v>
      </c>
      <c r="AT36" s="83">
        <v>0</v>
      </c>
      <c r="AU36" s="83">
        <v>0</v>
      </c>
      <c r="AV36" s="11" t="s">
        <v>373</v>
      </c>
      <c r="AW36" s="11" t="s">
        <v>374</v>
      </c>
      <c r="AX36" s="11">
        <v>0</v>
      </c>
      <c r="AY36" s="11" t="s">
        <v>374</v>
      </c>
      <c r="AZ36" s="11" t="s">
        <v>373</v>
      </c>
      <c r="BA36" s="11" t="s">
        <v>374</v>
      </c>
      <c r="BB36" s="11" t="s">
        <v>373</v>
      </c>
      <c r="BC36" s="11">
        <v>0</v>
      </c>
      <c r="BD36" s="83">
        <v>6152.82</v>
      </c>
      <c r="BE36" s="83">
        <v>0</v>
      </c>
      <c r="BF36" s="83">
        <v>1025.47</v>
      </c>
      <c r="BG36" s="83">
        <v>0</v>
      </c>
      <c r="BH36" s="83">
        <v>2050.94</v>
      </c>
      <c r="BI36" s="83">
        <v>0</v>
      </c>
      <c r="BJ36" s="83">
        <v>2050.94</v>
      </c>
      <c r="BK36" s="83">
        <v>0</v>
      </c>
      <c r="BL36" s="11">
        <v>36</v>
      </c>
      <c r="BM36" s="83">
        <v>33064.75</v>
      </c>
      <c r="BN36" s="83">
        <v>11280.17</v>
      </c>
    </row>
    <row r="37" spans="1:66" x14ac:dyDescent="0.3">
      <c r="A37" s="78" t="s">
        <v>78</v>
      </c>
      <c r="B37" s="79">
        <v>33</v>
      </c>
      <c r="C37" s="80"/>
      <c r="D37" t="s">
        <v>381</v>
      </c>
      <c r="E37">
        <v>557</v>
      </c>
      <c r="G37" s="78" t="s">
        <v>78</v>
      </c>
      <c r="H37" s="79">
        <v>33</v>
      </c>
      <c r="I37" s="81" t="s">
        <v>382</v>
      </c>
      <c r="J37" s="81">
        <v>572</v>
      </c>
      <c r="K37" s="82">
        <v>51</v>
      </c>
      <c r="L37" s="86">
        <v>33</v>
      </c>
      <c r="M37" s="11">
        <v>572</v>
      </c>
      <c r="N37" s="11">
        <v>40</v>
      </c>
      <c r="O37" s="11" t="s">
        <v>259</v>
      </c>
      <c r="P37" s="11">
        <v>2.9</v>
      </c>
      <c r="Q37" s="11">
        <v>4.7</v>
      </c>
      <c r="R37" s="11">
        <v>11</v>
      </c>
      <c r="S37" s="11">
        <v>3.8</v>
      </c>
      <c r="T37" s="11">
        <v>9</v>
      </c>
      <c r="U37" s="11">
        <v>8.9</v>
      </c>
      <c r="V37" s="11">
        <v>0</v>
      </c>
      <c r="W37" s="11">
        <v>0</v>
      </c>
      <c r="X37" s="11" t="s">
        <v>256</v>
      </c>
      <c r="Y37" s="11" t="s">
        <v>256</v>
      </c>
      <c r="Z37" s="11" t="s">
        <v>256</v>
      </c>
      <c r="AA37" s="11" t="s">
        <v>256</v>
      </c>
      <c r="AB37" s="11" t="s">
        <v>256</v>
      </c>
      <c r="AC37" s="11" t="s">
        <v>256</v>
      </c>
      <c r="AD37" s="11">
        <v>0</v>
      </c>
      <c r="AE37" s="11">
        <v>0</v>
      </c>
      <c r="AF37" s="11" t="s">
        <v>371</v>
      </c>
      <c r="AG37" s="11" t="s">
        <v>371</v>
      </c>
      <c r="AH37" s="11" t="s">
        <v>371</v>
      </c>
      <c r="AI37" s="11" t="s">
        <v>371</v>
      </c>
      <c r="AJ37" s="11" t="s">
        <v>370</v>
      </c>
      <c r="AK37" s="11" t="s">
        <v>371</v>
      </c>
      <c r="AL37" s="11">
        <v>0</v>
      </c>
      <c r="AM37" s="11">
        <v>0</v>
      </c>
      <c r="AN37" s="83">
        <v>23806.62</v>
      </c>
      <c r="AO37" s="83">
        <v>14548.49</v>
      </c>
      <c r="AP37" s="83">
        <v>3967.77</v>
      </c>
      <c r="AQ37" s="83">
        <v>7935.54</v>
      </c>
      <c r="AR37" s="83">
        <v>0</v>
      </c>
      <c r="AS37" s="83">
        <v>1322.59</v>
      </c>
      <c r="AT37" s="83">
        <v>0</v>
      </c>
      <c r="AU37" s="83">
        <v>0</v>
      </c>
      <c r="AV37" s="11" t="s">
        <v>374</v>
      </c>
      <c r="AW37" s="11" t="s">
        <v>374</v>
      </c>
      <c r="AX37" s="11" t="s">
        <v>374</v>
      </c>
      <c r="AY37" s="11" t="s">
        <v>374</v>
      </c>
      <c r="AZ37" s="11">
        <v>0</v>
      </c>
      <c r="BA37" s="11" t="s">
        <v>374</v>
      </c>
      <c r="BB37" s="11">
        <v>0</v>
      </c>
      <c r="BC37" s="11">
        <v>0</v>
      </c>
      <c r="BD37" s="83">
        <v>0</v>
      </c>
      <c r="BE37" s="83">
        <v>0</v>
      </c>
      <c r="BF37" s="83">
        <v>0</v>
      </c>
      <c r="BG37" s="83">
        <v>0</v>
      </c>
      <c r="BH37" s="83">
        <v>1025.47</v>
      </c>
      <c r="BI37" s="83">
        <v>0</v>
      </c>
      <c r="BJ37" s="83">
        <v>0</v>
      </c>
      <c r="BK37" s="83">
        <v>0</v>
      </c>
      <c r="BL37" s="11">
        <v>40</v>
      </c>
      <c r="BM37" s="83">
        <v>51581.009999999995</v>
      </c>
      <c r="BN37" s="83">
        <v>1025.47</v>
      </c>
    </row>
    <row r="38" spans="1:66" x14ac:dyDescent="0.3">
      <c r="A38" s="78" t="s">
        <v>78</v>
      </c>
      <c r="B38" s="79">
        <v>33</v>
      </c>
      <c r="C38" s="80"/>
      <c r="D38" t="s">
        <v>62</v>
      </c>
      <c r="E38">
        <v>558</v>
      </c>
      <c r="G38" s="78" t="s">
        <v>78</v>
      </c>
      <c r="H38" s="79">
        <v>33</v>
      </c>
      <c r="I38" s="81" t="s">
        <v>383</v>
      </c>
      <c r="J38" s="81">
        <v>574</v>
      </c>
      <c r="K38" s="82">
        <v>11</v>
      </c>
      <c r="L38" s="86">
        <v>33</v>
      </c>
      <c r="M38" s="11">
        <v>574</v>
      </c>
      <c r="N38" s="11">
        <v>8</v>
      </c>
      <c r="O38" s="11" t="s">
        <v>259</v>
      </c>
      <c r="P38" s="11">
        <v>4.7</v>
      </c>
      <c r="Q38" s="11">
        <v>4.7</v>
      </c>
      <c r="R38" s="11">
        <v>3.4</v>
      </c>
      <c r="S38" s="11">
        <v>0</v>
      </c>
      <c r="T38" s="11">
        <v>0</v>
      </c>
      <c r="U38" s="11">
        <v>0</v>
      </c>
      <c r="V38" s="11">
        <v>0</v>
      </c>
      <c r="W38" s="11">
        <v>0</v>
      </c>
      <c r="X38" s="11" t="s">
        <v>256</v>
      </c>
      <c r="Y38" s="11" t="s">
        <v>256</v>
      </c>
      <c r="Z38" s="11" t="s">
        <v>256</v>
      </c>
      <c r="AA38" s="11">
        <v>0</v>
      </c>
      <c r="AB38" s="11">
        <v>0</v>
      </c>
      <c r="AC38" s="11">
        <v>0</v>
      </c>
      <c r="AD38" s="11">
        <v>0</v>
      </c>
      <c r="AE38" s="11">
        <v>0</v>
      </c>
      <c r="AF38" s="11" t="s">
        <v>384</v>
      </c>
      <c r="AG38" s="11" t="s">
        <v>384</v>
      </c>
      <c r="AH38" s="11" t="s">
        <v>370</v>
      </c>
      <c r="AI38" s="11">
        <v>0</v>
      </c>
      <c r="AJ38" s="11">
        <v>0</v>
      </c>
      <c r="AK38" s="11">
        <v>0</v>
      </c>
      <c r="AL38" s="11">
        <v>0</v>
      </c>
      <c r="AM38" s="11">
        <v>0</v>
      </c>
      <c r="AN38" s="83">
        <v>1322.59</v>
      </c>
      <c r="AO38" s="83">
        <v>5290.36</v>
      </c>
      <c r="AP38" s="83">
        <v>0</v>
      </c>
      <c r="AQ38" s="83">
        <v>0</v>
      </c>
      <c r="AR38" s="83">
        <v>0</v>
      </c>
      <c r="AS38" s="83">
        <v>0</v>
      </c>
      <c r="AT38" s="83">
        <v>0</v>
      </c>
      <c r="AU38" s="83">
        <v>0</v>
      </c>
      <c r="AV38" s="11">
        <v>0</v>
      </c>
      <c r="AW38" s="11">
        <v>0</v>
      </c>
      <c r="AX38" s="11" t="s">
        <v>373</v>
      </c>
      <c r="AY38" s="11">
        <v>0</v>
      </c>
      <c r="AZ38" s="11">
        <v>0</v>
      </c>
      <c r="BA38" s="11">
        <v>0</v>
      </c>
      <c r="BB38" s="11">
        <v>0</v>
      </c>
      <c r="BC38" s="11">
        <v>0</v>
      </c>
      <c r="BD38" s="83">
        <v>0</v>
      </c>
      <c r="BE38" s="83">
        <v>0</v>
      </c>
      <c r="BF38" s="83">
        <v>3076.41</v>
      </c>
      <c r="BG38" s="83">
        <v>0</v>
      </c>
      <c r="BH38" s="83">
        <v>0</v>
      </c>
      <c r="BI38" s="83">
        <v>0</v>
      </c>
      <c r="BJ38" s="83">
        <v>0</v>
      </c>
      <c r="BK38" s="83">
        <v>0</v>
      </c>
      <c r="BL38" s="11">
        <v>8</v>
      </c>
      <c r="BM38" s="83">
        <v>6612.95</v>
      </c>
      <c r="BN38" s="83">
        <v>3076.41</v>
      </c>
    </row>
    <row r="39" spans="1:66" x14ac:dyDescent="0.3">
      <c r="A39" s="78" t="s">
        <v>78</v>
      </c>
      <c r="B39" s="79">
        <v>33</v>
      </c>
      <c r="C39" s="80"/>
      <c r="D39" t="s">
        <v>385</v>
      </c>
      <c r="E39">
        <v>559</v>
      </c>
      <c r="G39" s="78" t="s">
        <v>78</v>
      </c>
      <c r="H39" s="79">
        <v>33</v>
      </c>
      <c r="I39" s="81" t="s">
        <v>63</v>
      </c>
      <c r="J39" s="81">
        <v>571</v>
      </c>
      <c r="K39" s="82"/>
      <c r="L39" s="86">
        <v>33</v>
      </c>
      <c r="M39" s="11">
        <v>571</v>
      </c>
      <c r="N39" s="11">
        <v>65</v>
      </c>
      <c r="O39" s="11" t="s">
        <v>259</v>
      </c>
      <c r="P39" s="11">
        <v>6</v>
      </c>
      <c r="Q39" s="11">
        <v>3</v>
      </c>
      <c r="R39" s="11">
        <v>5.6</v>
      </c>
      <c r="S39" s="11">
        <v>3.9</v>
      </c>
      <c r="T39" s="11">
        <v>3.2</v>
      </c>
      <c r="U39" s="11">
        <v>6.4</v>
      </c>
      <c r="V39" s="11">
        <v>3.8</v>
      </c>
      <c r="W39" s="11">
        <v>3.9</v>
      </c>
      <c r="X39" s="11" t="s">
        <v>386</v>
      </c>
      <c r="Y39" s="11" t="s">
        <v>386</v>
      </c>
      <c r="Z39" s="11" t="s">
        <v>256</v>
      </c>
      <c r="AA39" s="11" t="s">
        <v>256</v>
      </c>
      <c r="AB39" s="11" t="s">
        <v>256</v>
      </c>
      <c r="AC39" s="11" t="s">
        <v>386</v>
      </c>
      <c r="AD39" s="11" t="s">
        <v>256</v>
      </c>
      <c r="AE39" s="11">
        <v>0</v>
      </c>
      <c r="AF39" s="11" t="s">
        <v>387</v>
      </c>
      <c r="AG39" s="11" t="s">
        <v>387</v>
      </c>
      <c r="AH39" s="11" t="s">
        <v>370</v>
      </c>
      <c r="AI39" s="11" t="s">
        <v>372</v>
      </c>
      <c r="AJ39" s="11" t="s">
        <v>371</v>
      </c>
      <c r="AK39" s="11" t="s">
        <v>387</v>
      </c>
      <c r="AL39" s="11" t="s">
        <v>371</v>
      </c>
      <c r="AM39" s="11" t="s">
        <v>371</v>
      </c>
      <c r="AN39" s="83">
        <v>0</v>
      </c>
      <c r="AO39" s="83">
        <v>0</v>
      </c>
      <c r="AP39" s="83">
        <v>0</v>
      </c>
      <c r="AQ39" s="83">
        <v>0</v>
      </c>
      <c r="AR39" s="83">
        <v>2645.18</v>
      </c>
      <c r="AS39" s="83">
        <v>0</v>
      </c>
      <c r="AT39" s="83">
        <v>15871.08</v>
      </c>
      <c r="AU39" s="83">
        <v>19838.849999999999</v>
      </c>
      <c r="AV39" s="11" t="s">
        <v>388</v>
      </c>
      <c r="AW39" s="11" t="s">
        <v>388</v>
      </c>
      <c r="AX39" s="11" t="s">
        <v>389</v>
      </c>
      <c r="AY39" s="11" t="s">
        <v>390</v>
      </c>
      <c r="AZ39" s="11" t="s">
        <v>374</v>
      </c>
      <c r="BA39" s="11" t="s">
        <v>388</v>
      </c>
      <c r="BB39" s="11" t="s">
        <v>374</v>
      </c>
      <c r="BC39" s="11" t="s">
        <v>374</v>
      </c>
      <c r="BD39" s="83">
        <v>0</v>
      </c>
      <c r="BE39" s="83">
        <v>0</v>
      </c>
      <c r="BF39" s="83">
        <v>1025.47</v>
      </c>
      <c r="BG39" s="83">
        <v>1025.47</v>
      </c>
      <c r="BH39" s="83">
        <v>0</v>
      </c>
      <c r="BI39" s="83">
        <v>0</v>
      </c>
      <c r="BJ39" s="83">
        <v>0</v>
      </c>
      <c r="BK39" s="83">
        <v>0</v>
      </c>
      <c r="BL39" s="11">
        <v>35</v>
      </c>
      <c r="BM39" s="83">
        <v>38355.11</v>
      </c>
      <c r="BN39" s="83">
        <v>2050.94</v>
      </c>
    </row>
    <row r="40" spans="1:66" x14ac:dyDescent="0.3">
      <c r="A40" s="78" t="s">
        <v>78</v>
      </c>
      <c r="B40" s="79">
        <v>33</v>
      </c>
      <c r="C40" s="80"/>
      <c r="D40" t="s">
        <v>391</v>
      </c>
      <c r="E40">
        <v>560</v>
      </c>
      <c r="G40" s="78" t="s">
        <v>78</v>
      </c>
      <c r="H40" s="79">
        <v>33</v>
      </c>
      <c r="I40" s="81" t="s">
        <v>392</v>
      </c>
      <c r="J40" s="81">
        <v>575</v>
      </c>
      <c r="K40" s="82"/>
      <c r="L40" s="86">
        <v>33</v>
      </c>
      <c r="M40">
        <v>575</v>
      </c>
      <c r="N40">
        <v>22</v>
      </c>
      <c r="O40" t="s">
        <v>259</v>
      </c>
      <c r="P40">
        <v>12</v>
      </c>
      <c r="Q40">
        <v>2.7</v>
      </c>
      <c r="R40">
        <v>7</v>
      </c>
      <c r="S40">
        <v>6.8</v>
      </c>
      <c r="T40">
        <v>1.7</v>
      </c>
      <c r="U40">
        <v>2.7</v>
      </c>
      <c r="V40">
        <v>3</v>
      </c>
      <c r="W40">
        <v>3</v>
      </c>
      <c r="X40" t="s">
        <v>386</v>
      </c>
      <c r="Y40" t="s">
        <v>256</v>
      </c>
      <c r="Z40" t="s">
        <v>256</v>
      </c>
      <c r="AA40" t="s">
        <v>256</v>
      </c>
      <c r="AB40" t="s">
        <v>256</v>
      </c>
      <c r="AC40" t="s">
        <v>256</v>
      </c>
      <c r="AD40" t="s">
        <v>256</v>
      </c>
      <c r="AE40">
        <v>0</v>
      </c>
      <c r="AF40" t="s">
        <v>387</v>
      </c>
      <c r="AG40" t="s">
        <v>371</v>
      </c>
      <c r="AH40" t="s">
        <v>372</v>
      </c>
      <c r="AI40" t="s">
        <v>371</v>
      </c>
      <c r="AJ40" t="s">
        <v>371</v>
      </c>
      <c r="AK40" t="s">
        <v>371</v>
      </c>
      <c r="AL40" t="s">
        <v>370</v>
      </c>
      <c r="AM40" t="s">
        <v>371</v>
      </c>
      <c r="AN40" s="37">
        <v>0</v>
      </c>
      <c r="AO40" s="37">
        <v>2645.18</v>
      </c>
      <c r="AP40" s="37">
        <v>0</v>
      </c>
      <c r="AQ40" s="37">
        <v>2645.18</v>
      </c>
      <c r="AR40" s="37">
        <v>5290.36</v>
      </c>
      <c r="AS40" s="37">
        <v>6612.95</v>
      </c>
      <c r="AT40" s="37">
        <v>0</v>
      </c>
      <c r="AU40" s="37">
        <v>3967.77</v>
      </c>
      <c r="AV40" t="s">
        <v>388</v>
      </c>
      <c r="AW40" t="s">
        <v>374</v>
      </c>
      <c r="AX40" t="s">
        <v>393</v>
      </c>
      <c r="AY40" t="s">
        <v>374</v>
      </c>
      <c r="AZ40" t="s">
        <v>374</v>
      </c>
      <c r="BA40" t="s">
        <v>374</v>
      </c>
      <c r="BB40" t="s">
        <v>389</v>
      </c>
      <c r="BC40" t="s">
        <v>374</v>
      </c>
      <c r="BD40" s="37">
        <v>0</v>
      </c>
      <c r="BE40" s="37">
        <v>0</v>
      </c>
      <c r="BF40" s="37">
        <v>2050.94</v>
      </c>
      <c r="BG40" s="37">
        <v>0</v>
      </c>
      <c r="BH40" s="37">
        <v>0</v>
      </c>
      <c r="BI40" s="37">
        <v>0</v>
      </c>
      <c r="BJ40" s="37">
        <v>3076.41</v>
      </c>
      <c r="BK40" s="37">
        <v>0</v>
      </c>
      <c r="BL40">
        <v>22</v>
      </c>
      <c r="BM40" s="37">
        <v>21161.439999999999</v>
      </c>
      <c r="BN40" s="37">
        <v>5127.3500000000004</v>
      </c>
    </row>
    <row r="41" spans="1:66" x14ac:dyDescent="0.3">
      <c r="A41" s="78" t="s">
        <v>78</v>
      </c>
      <c r="B41" s="79">
        <v>33</v>
      </c>
      <c r="C41" s="80"/>
      <c r="D41" t="s">
        <v>394</v>
      </c>
      <c r="E41">
        <v>563</v>
      </c>
      <c r="G41" s="78" t="s">
        <v>78</v>
      </c>
      <c r="H41" s="79">
        <v>33</v>
      </c>
      <c r="I41" s="81" t="s">
        <v>64</v>
      </c>
      <c r="J41" s="81">
        <v>576</v>
      </c>
      <c r="K41" s="82"/>
      <c r="L41" s="86">
        <v>33</v>
      </c>
      <c r="M41" s="11">
        <v>576</v>
      </c>
      <c r="N41" s="11">
        <v>12</v>
      </c>
      <c r="O41" s="11" t="s">
        <v>259</v>
      </c>
      <c r="P41" s="11">
        <v>6.2</v>
      </c>
      <c r="Q41" s="11">
        <v>4.5</v>
      </c>
      <c r="R41" s="11">
        <v>5.0999999999999996</v>
      </c>
      <c r="S41" s="11">
        <v>5.6</v>
      </c>
      <c r="T41" s="11">
        <v>0</v>
      </c>
      <c r="U41" s="11">
        <v>0</v>
      </c>
      <c r="V41" s="11">
        <v>0</v>
      </c>
      <c r="W41" s="11">
        <v>0</v>
      </c>
      <c r="X41" s="11" t="s">
        <v>256</v>
      </c>
      <c r="Y41" s="11" t="s">
        <v>256</v>
      </c>
      <c r="Z41" s="11" t="s">
        <v>256</v>
      </c>
      <c r="AA41" s="11" t="s">
        <v>256</v>
      </c>
      <c r="AB41" s="11">
        <v>0</v>
      </c>
      <c r="AC41" s="11">
        <v>0</v>
      </c>
      <c r="AD41" s="11">
        <v>0</v>
      </c>
      <c r="AE41" s="11">
        <v>0</v>
      </c>
      <c r="AF41" s="11" t="s">
        <v>371</v>
      </c>
      <c r="AG41" s="11" t="s">
        <v>371</v>
      </c>
      <c r="AH41" s="11" t="s">
        <v>371</v>
      </c>
      <c r="AI41" s="11" t="s">
        <v>371</v>
      </c>
      <c r="AJ41" s="11">
        <v>0</v>
      </c>
      <c r="AK41" s="11">
        <v>0</v>
      </c>
      <c r="AL41" s="11">
        <v>0</v>
      </c>
      <c r="AM41" s="11">
        <v>0</v>
      </c>
      <c r="AN41" s="83">
        <v>1322.59</v>
      </c>
      <c r="AO41" s="83">
        <v>6612.95</v>
      </c>
      <c r="AP41" s="83">
        <v>6612.95</v>
      </c>
      <c r="AQ41" s="83">
        <v>1322.59</v>
      </c>
      <c r="AR41" s="83">
        <v>0</v>
      </c>
      <c r="AS41" s="83">
        <v>0</v>
      </c>
      <c r="AT41" s="83">
        <v>0</v>
      </c>
      <c r="AU41" s="83">
        <v>0</v>
      </c>
      <c r="AV41" s="11" t="s">
        <v>374</v>
      </c>
      <c r="AW41" s="11" t="s">
        <v>374</v>
      </c>
      <c r="AX41" s="11" t="s">
        <v>374</v>
      </c>
      <c r="AY41" s="11" t="s">
        <v>374</v>
      </c>
      <c r="AZ41" s="11">
        <v>0</v>
      </c>
      <c r="BA41" s="11">
        <v>0</v>
      </c>
      <c r="BB41" s="11">
        <v>0</v>
      </c>
      <c r="BC41" s="11">
        <v>0</v>
      </c>
      <c r="BD41" s="83">
        <v>0</v>
      </c>
      <c r="BE41" s="83">
        <v>0</v>
      </c>
      <c r="BF41" s="83">
        <v>0</v>
      </c>
      <c r="BG41" s="83">
        <v>0</v>
      </c>
      <c r="BH41" s="83">
        <v>0</v>
      </c>
      <c r="BI41" s="83">
        <v>0</v>
      </c>
      <c r="BJ41" s="83">
        <v>0</v>
      </c>
      <c r="BK41" s="83">
        <v>0</v>
      </c>
      <c r="BL41" s="11">
        <v>12</v>
      </c>
      <c r="BM41" s="83">
        <v>15871.08</v>
      </c>
      <c r="BN41" s="83">
        <v>0</v>
      </c>
    </row>
    <row r="42" spans="1:66" x14ac:dyDescent="0.3">
      <c r="A42" s="78" t="s">
        <v>78</v>
      </c>
      <c r="B42" s="79">
        <v>33</v>
      </c>
      <c r="C42" s="80"/>
      <c r="D42" t="s">
        <v>394</v>
      </c>
      <c r="E42">
        <v>563</v>
      </c>
      <c r="G42" s="78" t="s">
        <v>78</v>
      </c>
      <c r="H42" s="79">
        <v>33</v>
      </c>
      <c r="I42" s="87" t="s">
        <v>156</v>
      </c>
      <c r="J42" s="87">
        <v>1126</v>
      </c>
      <c r="K42" s="82">
        <v>150</v>
      </c>
      <c r="L42" s="86"/>
      <c r="M42" s="11"/>
      <c r="N42" s="11"/>
      <c r="O42" s="11"/>
      <c r="P42" s="11"/>
      <c r="Q42" s="11"/>
      <c r="R42" s="11"/>
      <c r="S42" s="11"/>
      <c r="T42" s="11"/>
      <c r="U42" s="11"/>
      <c r="V42" s="11"/>
      <c r="W42" s="11"/>
      <c r="X42" s="11"/>
      <c r="Y42" s="11"/>
      <c r="Z42" s="11"/>
      <c r="AA42" s="11"/>
      <c r="AB42" s="11"/>
      <c r="AC42" s="11"/>
      <c r="AD42" s="11"/>
      <c r="AE42" s="11"/>
      <c r="AF42" s="11"/>
      <c r="AG42" s="11"/>
      <c r="AH42" s="11"/>
      <c r="AI42" s="11"/>
      <c r="AJ42" s="11"/>
      <c r="AK42" s="11"/>
      <c r="AL42" s="11"/>
      <c r="AM42" s="11"/>
      <c r="AN42" s="83"/>
      <c r="AO42" s="83"/>
      <c r="AP42" s="83"/>
      <c r="AQ42" s="83"/>
      <c r="AR42" s="83"/>
      <c r="AS42" s="83"/>
      <c r="AT42" s="83"/>
      <c r="AU42" s="83"/>
      <c r="AV42" s="11"/>
      <c r="AW42" s="11"/>
      <c r="AX42" s="11"/>
      <c r="AY42" s="11"/>
      <c r="AZ42" s="11"/>
      <c r="BA42" s="11"/>
      <c r="BB42" s="11"/>
      <c r="BC42" s="11"/>
      <c r="BD42" s="83"/>
      <c r="BE42" s="83"/>
      <c r="BF42" s="83"/>
      <c r="BG42" s="83"/>
      <c r="BH42" s="83"/>
      <c r="BI42" s="83"/>
      <c r="BJ42" s="83"/>
      <c r="BK42" s="83"/>
      <c r="BL42" s="11"/>
      <c r="BM42" s="83"/>
      <c r="BN42" s="83"/>
    </row>
    <row r="43" spans="1:66" x14ac:dyDescent="0.3">
      <c r="A43" s="78" t="s">
        <v>78</v>
      </c>
      <c r="B43" s="79">
        <v>33</v>
      </c>
      <c r="C43" s="80"/>
      <c r="D43" t="s">
        <v>394</v>
      </c>
      <c r="E43">
        <v>563</v>
      </c>
      <c r="G43" s="78" t="s">
        <v>78</v>
      </c>
      <c r="H43" s="79">
        <v>33</v>
      </c>
      <c r="I43" s="87" t="s">
        <v>157</v>
      </c>
      <c r="J43" s="87">
        <v>1153</v>
      </c>
      <c r="K43" s="82">
        <v>2</v>
      </c>
      <c r="L43" s="86"/>
      <c r="M43" s="11"/>
      <c r="N43" s="11"/>
      <c r="O43" s="11"/>
      <c r="P43" s="11"/>
      <c r="Q43" s="11"/>
      <c r="R43" s="11"/>
      <c r="S43" s="11"/>
      <c r="T43" s="11"/>
      <c r="U43" s="11"/>
      <c r="V43" s="11"/>
      <c r="W43" s="11"/>
      <c r="X43" s="11"/>
      <c r="Y43" s="11"/>
      <c r="Z43" s="11"/>
      <c r="AA43" s="11"/>
      <c r="AB43" s="11"/>
      <c r="AC43" s="11"/>
      <c r="AD43" s="11"/>
      <c r="AE43" s="11"/>
      <c r="AF43" s="11"/>
      <c r="AG43" s="11"/>
      <c r="AH43" s="11"/>
      <c r="AI43" s="11"/>
      <c r="AJ43" s="11"/>
      <c r="AK43" s="11"/>
      <c r="AL43" s="11"/>
      <c r="AM43" s="11"/>
      <c r="AN43" s="83"/>
      <c r="AO43" s="83"/>
      <c r="AP43" s="83"/>
      <c r="AQ43" s="83"/>
      <c r="AR43" s="83"/>
      <c r="AS43" s="83"/>
      <c r="AT43" s="83"/>
      <c r="AU43" s="83"/>
      <c r="AV43" s="11"/>
      <c r="AW43" s="11"/>
      <c r="AX43" s="11"/>
      <c r="AY43" s="11"/>
      <c r="AZ43" s="11"/>
      <c r="BA43" s="11"/>
      <c r="BB43" s="11"/>
      <c r="BC43" s="11"/>
      <c r="BD43" s="83"/>
      <c r="BE43" s="83"/>
      <c r="BF43" s="83"/>
      <c r="BG43" s="83"/>
      <c r="BH43" s="83"/>
      <c r="BI43" s="83"/>
      <c r="BJ43" s="83"/>
      <c r="BK43" s="83"/>
      <c r="BL43" s="11"/>
      <c r="BM43" s="83"/>
      <c r="BN43" s="83"/>
    </row>
    <row r="44" spans="1:66" x14ac:dyDescent="0.3">
      <c r="A44" s="78" t="s">
        <v>79</v>
      </c>
      <c r="B44" s="79">
        <v>34</v>
      </c>
      <c r="C44" s="80"/>
      <c r="D44" t="s">
        <v>395</v>
      </c>
      <c r="E44">
        <v>564</v>
      </c>
      <c r="G44" s="78" t="s">
        <v>79</v>
      </c>
      <c r="H44" s="79">
        <v>34</v>
      </c>
      <c r="I44" s="81" t="s">
        <v>268</v>
      </c>
      <c r="J44" s="81">
        <v>606</v>
      </c>
      <c r="K44" s="82">
        <v>1</v>
      </c>
      <c r="L44" s="86"/>
      <c r="M44" s="11"/>
      <c r="N44" s="11"/>
      <c r="O44" s="11"/>
      <c r="P44" s="11"/>
      <c r="Q44" s="11"/>
      <c r="R44" s="11"/>
      <c r="S44" s="11"/>
      <c r="T44" s="11"/>
      <c r="U44" s="11"/>
      <c r="V44" s="11"/>
      <c r="W44" s="11"/>
      <c r="X44" s="11"/>
      <c r="Y44" s="11"/>
      <c r="Z44" s="11"/>
      <c r="AA44" s="11"/>
      <c r="AB44" s="11"/>
      <c r="AC44" s="11"/>
      <c r="AD44" s="11"/>
      <c r="AE44" s="11"/>
      <c r="AF44" s="11"/>
      <c r="AG44" s="11"/>
      <c r="AH44" s="11"/>
      <c r="AI44" s="11"/>
      <c r="AJ44" s="11"/>
      <c r="AK44" s="11"/>
      <c r="AL44" s="11"/>
      <c r="AM44" s="11"/>
      <c r="AN44" s="83"/>
      <c r="AO44" s="83"/>
      <c r="AP44" s="83"/>
      <c r="AQ44" s="83"/>
      <c r="AR44" s="83"/>
      <c r="AS44" s="83"/>
      <c r="AT44" s="83"/>
      <c r="AU44" s="83"/>
      <c r="AV44" s="11"/>
      <c r="AW44" s="11"/>
      <c r="AX44" s="11"/>
      <c r="AY44" s="11"/>
      <c r="AZ44" s="11"/>
      <c r="BA44" s="11"/>
      <c r="BB44" s="11"/>
      <c r="BC44" s="11"/>
      <c r="BD44" s="83"/>
      <c r="BE44" s="83"/>
      <c r="BF44" s="83"/>
      <c r="BG44" s="83"/>
      <c r="BH44" s="83"/>
      <c r="BI44" s="83"/>
      <c r="BJ44" s="83"/>
      <c r="BK44" s="83"/>
      <c r="BL44" s="11"/>
      <c r="BM44" s="83"/>
      <c r="BN44" s="83"/>
    </row>
    <row r="45" spans="1:66" x14ac:dyDescent="0.3">
      <c r="A45" s="78" t="s">
        <v>79</v>
      </c>
      <c r="B45" s="79">
        <v>34</v>
      </c>
      <c r="C45" s="80"/>
      <c r="D45" t="s">
        <v>395</v>
      </c>
      <c r="E45">
        <v>564</v>
      </c>
      <c r="G45" s="78" t="s">
        <v>79</v>
      </c>
      <c r="H45" s="79">
        <v>34</v>
      </c>
      <c r="I45" s="87" t="s">
        <v>156</v>
      </c>
      <c r="J45" s="87">
        <v>1126</v>
      </c>
      <c r="K45" s="88">
        <v>24</v>
      </c>
    </row>
    <row r="46" spans="1:66" x14ac:dyDescent="0.3">
      <c r="A46" s="78" t="s">
        <v>79</v>
      </c>
      <c r="B46" s="79">
        <v>34</v>
      </c>
      <c r="C46" s="80"/>
      <c r="D46" t="s">
        <v>58</v>
      </c>
      <c r="E46">
        <v>565</v>
      </c>
      <c r="G46" s="78" t="s">
        <v>79</v>
      </c>
      <c r="H46" s="79">
        <v>34</v>
      </c>
      <c r="I46" s="81" t="s">
        <v>58</v>
      </c>
      <c r="J46" s="81">
        <v>565</v>
      </c>
      <c r="K46" s="82"/>
      <c r="L46" s="86">
        <v>34</v>
      </c>
      <c r="M46" s="11">
        <v>565</v>
      </c>
      <c r="N46" s="11">
        <v>24</v>
      </c>
      <c r="O46" s="11" t="s">
        <v>259</v>
      </c>
      <c r="P46" s="11">
        <v>4.3</v>
      </c>
      <c r="Q46" s="11">
        <v>10.8</v>
      </c>
      <c r="R46" s="11">
        <v>0</v>
      </c>
      <c r="S46" s="11">
        <v>0</v>
      </c>
      <c r="T46" s="11">
        <v>0</v>
      </c>
      <c r="U46" s="11">
        <v>0</v>
      </c>
      <c r="V46" s="11">
        <v>0</v>
      </c>
      <c r="W46" s="11">
        <v>0</v>
      </c>
      <c r="X46" s="11" t="s">
        <v>396</v>
      </c>
      <c r="Y46" s="11" t="s">
        <v>396</v>
      </c>
      <c r="Z46" s="11">
        <v>0</v>
      </c>
      <c r="AA46" s="11">
        <v>0</v>
      </c>
      <c r="AB46" s="11">
        <v>0</v>
      </c>
      <c r="AC46" s="11">
        <v>0</v>
      </c>
      <c r="AD46" s="11">
        <v>0</v>
      </c>
      <c r="AE46" s="11">
        <v>0</v>
      </c>
      <c r="AF46" s="11" t="s">
        <v>397</v>
      </c>
      <c r="AG46" s="11" t="s">
        <v>397</v>
      </c>
      <c r="AH46" s="11">
        <v>0</v>
      </c>
      <c r="AI46" s="11">
        <v>0</v>
      </c>
      <c r="AJ46" s="11">
        <v>0</v>
      </c>
      <c r="AK46" s="11">
        <v>0</v>
      </c>
      <c r="AL46" s="11">
        <v>0</v>
      </c>
      <c r="AM46" s="11">
        <v>0</v>
      </c>
      <c r="AN46" s="83">
        <v>12540</v>
      </c>
      <c r="AO46" s="83">
        <v>12540</v>
      </c>
      <c r="AP46" s="83">
        <v>0</v>
      </c>
      <c r="AQ46" s="83">
        <v>0</v>
      </c>
      <c r="AR46" s="83">
        <v>0</v>
      </c>
      <c r="AS46" s="83">
        <v>0</v>
      </c>
      <c r="AT46" s="83">
        <v>0</v>
      </c>
      <c r="AU46" s="83">
        <v>0</v>
      </c>
      <c r="AV46" s="11">
        <v>0</v>
      </c>
      <c r="AW46" s="11">
        <v>0</v>
      </c>
      <c r="AX46" s="11">
        <v>0</v>
      </c>
      <c r="AY46" s="11">
        <v>0</v>
      </c>
      <c r="AZ46" s="11">
        <v>0</v>
      </c>
      <c r="BA46" s="11">
        <v>0</v>
      </c>
      <c r="BB46" s="11">
        <v>0</v>
      </c>
      <c r="BC46" s="11">
        <v>0</v>
      </c>
      <c r="BD46" s="83">
        <v>0</v>
      </c>
      <c r="BE46" s="83">
        <v>0</v>
      </c>
      <c r="BF46" s="83">
        <v>0</v>
      </c>
      <c r="BG46" s="83">
        <v>0</v>
      </c>
      <c r="BH46" s="83">
        <v>0</v>
      </c>
      <c r="BI46" s="83">
        <v>0</v>
      </c>
      <c r="BJ46" s="83">
        <v>0</v>
      </c>
      <c r="BK46" s="83">
        <v>0</v>
      </c>
      <c r="BL46" s="11">
        <v>24</v>
      </c>
      <c r="BM46" s="83">
        <v>25080</v>
      </c>
      <c r="BN46" s="83">
        <v>0</v>
      </c>
    </row>
    <row r="47" spans="1:66" x14ac:dyDescent="0.3">
      <c r="A47" s="78" t="s">
        <v>79</v>
      </c>
      <c r="B47" s="79">
        <v>34</v>
      </c>
      <c r="C47" s="80"/>
      <c r="D47" t="s">
        <v>398</v>
      </c>
      <c r="E47">
        <v>567</v>
      </c>
      <c r="G47" s="78" t="s">
        <v>79</v>
      </c>
      <c r="H47" s="79">
        <v>34</v>
      </c>
      <c r="I47" s="81" t="s">
        <v>399</v>
      </c>
      <c r="J47" s="81">
        <v>578</v>
      </c>
      <c r="K47" s="82">
        <v>44</v>
      </c>
      <c r="L47" s="86">
        <v>34</v>
      </c>
      <c r="M47" s="11">
        <v>578</v>
      </c>
      <c r="N47" s="11">
        <v>45</v>
      </c>
      <c r="O47" s="11" t="s">
        <v>259</v>
      </c>
      <c r="P47" s="11">
        <v>5.4</v>
      </c>
      <c r="Q47" s="11">
        <v>6</v>
      </c>
      <c r="R47" s="11">
        <v>8.9</v>
      </c>
      <c r="S47" s="11">
        <v>7.2</v>
      </c>
      <c r="T47" s="11">
        <v>6.8</v>
      </c>
      <c r="U47" s="11">
        <v>4.0999999999999996</v>
      </c>
      <c r="V47" s="11">
        <v>2.4</v>
      </c>
      <c r="W47" s="11">
        <v>2.6</v>
      </c>
      <c r="X47" s="11" t="s">
        <v>396</v>
      </c>
      <c r="Y47" s="11" t="s">
        <v>396</v>
      </c>
      <c r="Z47" s="11" t="s">
        <v>396</v>
      </c>
      <c r="AA47" s="11" t="s">
        <v>396</v>
      </c>
      <c r="AB47" s="11" t="s">
        <v>396</v>
      </c>
      <c r="AC47" s="11" t="s">
        <v>396</v>
      </c>
      <c r="AD47" s="11" t="s">
        <v>400</v>
      </c>
      <c r="AE47" s="11">
        <v>0</v>
      </c>
      <c r="AF47" s="11" t="s">
        <v>401</v>
      </c>
      <c r="AG47" s="11" t="s">
        <v>401</v>
      </c>
      <c r="AH47" s="11" t="s">
        <v>401</v>
      </c>
      <c r="AI47" s="11" t="s">
        <v>401</v>
      </c>
      <c r="AJ47" s="11" t="s">
        <v>401</v>
      </c>
      <c r="AK47" s="11" t="s">
        <v>401</v>
      </c>
      <c r="AL47" s="11" t="s">
        <v>402</v>
      </c>
      <c r="AM47" s="11" t="s">
        <v>22</v>
      </c>
      <c r="AN47" s="83">
        <v>6270</v>
      </c>
      <c r="AO47" s="83">
        <v>24035</v>
      </c>
      <c r="AP47" s="83">
        <v>1045</v>
      </c>
      <c r="AQ47" s="83">
        <v>2090</v>
      </c>
      <c r="AR47" s="83">
        <v>10450</v>
      </c>
      <c r="AS47" s="83">
        <v>1045</v>
      </c>
      <c r="AT47" s="83">
        <v>1045</v>
      </c>
      <c r="AU47" s="83">
        <v>1045</v>
      </c>
      <c r="AV47" s="11">
        <v>0</v>
      </c>
      <c r="AW47" s="11">
        <v>0</v>
      </c>
      <c r="AX47" s="11">
        <v>0</v>
      </c>
      <c r="AY47" s="11">
        <v>0</v>
      </c>
      <c r="AZ47" s="11">
        <v>0</v>
      </c>
      <c r="BA47" s="11">
        <v>0</v>
      </c>
      <c r="BB47" s="11">
        <v>0</v>
      </c>
      <c r="BC47" s="11">
        <v>0</v>
      </c>
      <c r="BD47" s="83">
        <v>0</v>
      </c>
      <c r="BE47" s="83">
        <v>0</v>
      </c>
      <c r="BF47" s="83">
        <v>0</v>
      </c>
      <c r="BG47" s="83">
        <v>0</v>
      </c>
      <c r="BH47" s="83">
        <v>0</v>
      </c>
      <c r="BI47" s="83">
        <v>0</v>
      </c>
      <c r="BJ47" s="83">
        <v>0</v>
      </c>
      <c r="BK47" s="83">
        <v>0</v>
      </c>
      <c r="BL47" s="11">
        <v>45</v>
      </c>
      <c r="BM47" s="83">
        <v>47025</v>
      </c>
      <c r="BN47" s="83">
        <v>0</v>
      </c>
    </row>
    <row r="48" spans="1:66" x14ac:dyDescent="0.3">
      <c r="A48" s="78" t="s">
        <v>79</v>
      </c>
      <c r="B48" s="79">
        <v>35</v>
      </c>
      <c r="C48" s="80"/>
      <c r="D48" t="s">
        <v>403</v>
      </c>
      <c r="E48">
        <v>568</v>
      </c>
      <c r="G48" s="78" t="s">
        <v>80</v>
      </c>
      <c r="H48" s="79">
        <v>35</v>
      </c>
      <c r="I48" s="81" t="s">
        <v>394</v>
      </c>
      <c r="J48" s="81">
        <v>563</v>
      </c>
      <c r="K48" s="82">
        <v>4</v>
      </c>
      <c r="L48" s="86">
        <v>35</v>
      </c>
      <c r="M48" s="11">
        <v>563</v>
      </c>
      <c r="N48" s="11">
        <v>5</v>
      </c>
      <c r="O48" s="11" t="s">
        <v>259</v>
      </c>
      <c r="P48" s="11">
        <v>10</v>
      </c>
      <c r="Q48" s="11">
        <v>10</v>
      </c>
      <c r="R48" s="11">
        <v>11</v>
      </c>
      <c r="S48" s="11">
        <v>0</v>
      </c>
      <c r="T48" s="11">
        <v>0</v>
      </c>
      <c r="U48" s="11">
        <v>0</v>
      </c>
      <c r="V48" s="11">
        <v>0</v>
      </c>
      <c r="W48" s="11">
        <v>0</v>
      </c>
      <c r="X48" s="11" t="s">
        <v>404</v>
      </c>
      <c r="Y48" s="11" t="s">
        <v>405</v>
      </c>
      <c r="Z48" s="11" t="s">
        <v>405</v>
      </c>
      <c r="AA48" s="11">
        <v>0</v>
      </c>
      <c r="AB48" s="11">
        <v>0</v>
      </c>
      <c r="AC48" s="11">
        <v>0</v>
      </c>
      <c r="AD48" s="11">
        <v>0</v>
      </c>
      <c r="AE48" s="11">
        <v>0</v>
      </c>
      <c r="AF48" s="11" t="s">
        <v>406</v>
      </c>
      <c r="AG48" s="11" t="s">
        <v>407</v>
      </c>
      <c r="AH48" s="11" t="s">
        <v>407</v>
      </c>
      <c r="AI48" s="11">
        <v>0</v>
      </c>
      <c r="AJ48" s="11">
        <v>0</v>
      </c>
      <c r="AK48" s="11">
        <v>0</v>
      </c>
      <c r="AL48" s="11">
        <v>0</v>
      </c>
      <c r="AM48" s="11">
        <v>0</v>
      </c>
      <c r="AN48" s="83">
        <v>4539</v>
      </c>
      <c r="AO48" s="83">
        <v>0</v>
      </c>
      <c r="AP48" s="83">
        <v>0</v>
      </c>
      <c r="AQ48" s="83">
        <v>0</v>
      </c>
      <c r="AR48" s="83">
        <v>0</v>
      </c>
      <c r="AS48" s="83">
        <v>0</v>
      </c>
      <c r="AT48" s="83">
        <v>0</v>
      </c>
      <c r="AU48" s="83">
        <v>0</v>
      </c>
      <c r="AV48" s="11" t="s">
        <v>408</v>
      </c>
      <c r="AW48" s="11" t="s">
        <v>409</v>
      </c>
      <c r="AX48" s="11" t="s">
        <v>409</v>
      </c>
      <c r="AY48" s="11">
        <v>0</v>
      </c>
      <c r="AZ48" s="11">
        <v>0</v>
      </c>
      <c r="BA48" s="11">
        <v>0</v>
      </c>
      <c r="BB48" s="11">
        <v>0</v>
      </c>
      <c r="BC48" s="11">
        <v>0</v>
      </c>
      <c r="BD48" s="83">
        <v>0</v>
      </c>
      <c r="BE48" s="83">
        <v>576</v>
      </c>
      <c r="BF48" s="83">
        <v>1268</v>
      </c>
      <c r="BG48" s="83">
        <v>0</v>
      </c>
      <c r="BH48" s="83">
        <v>0</v>
      </c>
      <c r="BI48" s="83">
        <v>0</v>
      </c>
      <c r="BJ48" s="83">
        <v>0</v>
      </c>
      <c r="BK48" s="83">
        <v>0</v>
      </c>
      <c r="BL48" s="11">
        <v>5</v>
      </c>
      <c r="BM48" s="83">
        <v>4539</v>
      </c>
      <c r="BN48" s="83">
        <v>1844</v>
      </c>
    </row>
    <row r="49" spans="1:66" x14ac:dyDescent="0.3">
      <c r="A49" s="78" t="s">
        <v>80</v>
      </c>
      <c r="B49" s="79">
        <v>35</v>
      </c>
      <c r="C49" s="80"/>
      <c r="D49" t="s">
        <v>403</v>
      </c>
      <c r="E49">
        <v>568</v>
      </c>
      <c r="G49" s="78" t="s">
        <v>80</v>
      </c>
      <c r="H49" s="79">
        <v>35</v>
      </c>
      <c r="I49" s="81" t="s">
        <v>395</v>
      </c>
      <c r="J49" s="81">
        <v>564</v>
      </c>
      <c r="K49" s="82">
        <v>11</v>
      </c>
      <c r="L49" s="86">
        <v>35</v>
      </c>
      <c r="M49" s="11">
        <v>564</v>
      </c>
      <c r="N49" s="11">
        <v>12</v>
      </c>
      <c r="O49" s="11" t="s">
        <v>259</v>
      </c>
      <c r="P49" s="11">
        <v>13.2</v>
      </c>
      <c r="Q49" s="11">
        <v>2.2999999999999998</v>
      </c>
      <c r="R49" s="11">
        <v>2.2999999999999998</v>
      </c>
      <c r="S49" s="11">
        <v>12.8</v>
      </c>
      <c r="T49" s="11">
        <v>12.8</v>
      </c>
      <c r="U49" s="11">
        <v>2.4</v>
      </c>
      <c r="V49" s="11">
        <v>0</v>
      </c>
      <c r="W49" s="11">
        <v>0</v>
      </c>
      <c r="X49" s="11" t="s">
        <v>410</v>
      </c>
      <c r="Y49" s="11" t="s">
        <v>411</v>
      </c>
      <c r="Z49" s="11" t="s">
        <v>411</v>
      </c>
      <c r="AA49" s="11" t="s">
        <v>404</v>
      </c>
      <c r="AB49" s="11" t="s">
        <v>410</v>
      </c>
      <c r="AC49" s="11" t="s">
        <v>411</v>
      </c>
      <c r="AD49" s="11">
        <v>0</v>
      </c>
      <c r="AE49" s="11">
        <v>0</v>
      </c>
      <c r="AF49" s="11" t="s">
        <v>408</v>
      </c>
      <c r="AG49" s="11" t="s">
        <v>408</v>
      </c>
      <c r="AH49" s="11" t="s">
        <v>408</v>
      </c>
      <c r="AI49" s="11" t="s">
        <v>412</v>
      </c>
      <c r="AJ49" s="11" t="s">
        <v>408</v>
      </c>
      <c r="AK49" s="11" t="s">
        <v>408</v>
      </c>
      <c r="AL49" s="11">
        <v>0</v>
      </c>
      <c r="AM49" s="11">
        <v>0</v>
      </c>
      <c r="AN49" s="83">
        <v>0</v>
      </c>
      <c r="AO49" s="83">
        <v>0</v>
      </c>
      <c r="AP49" s="83">
        <v>0</v>
      </c>
      <c r="AQ49" s="83">
        <v>2179</v>
      </c>
      <c r="AR49" s="83">
        <v>0</v>
      </c>
      <c r="AS49" s="83">
        <v>0</v>
      </c>
      <c r="AT49" s="83">
        <v>0</v>
      </c>
      <c r="AU49" s="83">
        <v>0</v>
      </c>
      <c r="AV49" s="11" t="s">
        <v>409</v>
      </c>
      <c r="AW49" s="11" t="s">
        <v>409</v>
      </c>
      <c r="AX49" s="11" t="s">
        <v>413</v>
      </c>
      <c r="AY49" s="11" t="s">
        <v>414</v>
      </c>
      <c r="AZ49" s="11" t="s">
        <v>409</v>
      </c>
      <c r="BA49" s="11" t="s">
        <v>409</v>
      </c>
      <c r="BB49" s="11">
        <v>0</v>
      </c>
      <c r="BC49" s="11">
        <v>0</v>
      </c>
      <c r="BD49" s="83">
        <v>1014</v>
      </c>
      <c r="BE49" s="83">
        <v>264.95999999999998</v>
      </c>
      <c r="BF49" s="83">
        <v>31500</v>
      </c>
      <c r="BG49" s="83">
        <v>0</v>
      </c>
      <c r="BH49" s="83">
        <v>1475</v>
      </c>
      <c r="BI49" s="83">
        <v>276.48</v>
      </c>
      <c r="BJ49" s="83">
        <v>0</v>
      </c>
      <c r="BK49" s="83">
        <v>0</v>
      </c>
      <c r="BL49" s="11">
        <v>12</v>
      </c>
      <c r="BM49" s="83">
        <v>2179</v>
      </c>
      <c r="BN49" s="83">
        <v>34530.44</v>
      </c>
    </row>
    <row r="50" spans="1:66" x14ac:dyDescent="0.3">
      <c r="A50" s="78" t="s">
        <v>80</v>
      </c>
      <c r="B50" s="79">
        <v>35</v>
      </c>
      <c r="C50" s="80"/>
      <c r="D50" t="s">
        <v>415</v>
      </c>
      <c r="E50">
        <v>569</v>
      </c>
      <c r="G50" s="78" t="s">
        <v>80</v>
      </c>
      <c r="H50" s="79">
        <v>35</v>
      </c>
      <c r="I50" s="81" t="s">
        <v>368</v>
      </c>
      <c r="J50" s="81">
        <v>555</v>
      </c>
      <c r="K50" s="85">
        <v>2</v>
      </c>
    </row>
    <row r="51" spans="1:66" x14ac:dyDescent="0.3">
      <c r="A51" s="78" t="s">
        <v>80</v>
      </c>
      <c r="B51" s="79">
        <v>35</v>
      </c>
      <c r="C51" s="80"/>
      <c r="D51" t="s">
        <v>376</v>
      </c>
      <c r="E51">
        <v>570</v>
      </c>
      <c r="G51" s="78" t="s">
        <v>80</v>
      </c>
      <c r="H51" s="79">
        <v>35</v>
      </c>
      <c r="I51" s="87" t="s">
        <v>156</v>
      </c>
      <c r="J51" s="87">
        <v>1126</v>
      </c>
      <c r="K51" s="88">
        <v>9</v>
      </c>
    </row>
    <row r="52" spans="1:66" x14ac:dyDescent="0.3">
      <c r="A52" s="78" t="s">
        <v>80</v>
      </c>
      <c r="B52" s="79">
        <v>36</v>
      </c>
      <c r="C52" s="80"/>
      <c r="D52" t="s">
        <v>63</v>
      </c>
      <c r="E52">
        <v>571</v>
      </c>
      <c r="G52" s="78" t="s">
        <v>81</v>
      </c>
      <c r="H52" s="79">
        <v>36</v>
      </c>
      <c r="I52" s="81" t="s">
        <v>394</v>
      </c>
      <c r="J52" s="81">
        <v>563</v>
      </c>
      <c r="K52" s="85">
        <v>9</v>
      </c>
    </row>
    <row r="53" spans="1:66" x14ac:dyDescent="0.3">
      <c r="A53" s="78" t="s">
        <v>81</v>
      </c>
      <c r="B53" s="79">
        <v>36</v>
      </c>
      <c r="C53" s="80"/>
      <c r="D53" t="s">
        <v>382</v>
      </c>
      <c r="E53">
        <v>572</v>
      </c>
      <c r="G53" s="78" t="s">
        <v>81</v>
      </c>
      <c r="H53" s="79">
        <v>36</v>
      </c>
      <c r="I53" s="81" t="s">
        <v>415</v>
      </c>
      <c r="J53" s="81">
        <v>569</v>
      </c>
      <c r="K53" s="82">
        <v>10</v>
      </c>
      <c r="L53" s="86">
        <v>36</v>
      </c>
      <c r="M53" s="11">
        <v>569</v>
      </c>
      <c r="N53" s="11">
        <v>2</v>
      </c>
      <c r="O53" s="11" t="s">
        <v>259</v>
      </c>
      <c r="P53" s="11">
        <v>6.4</v>
      </c>
      <c r="Q53" s="11">
        <v>5.6</v>
      </c>
      <c r="R53" s="11">
        <v>0</v>
      </c>
      <c r="S53" s="11">
        <v>0</v>
      </c>
      <c r="T53" s="11">
        <v>0</v>
      </c>
      <c r="U53" s="11">
        <v>0</v>
      </c>
      <c r="V53" s="11">
        <v>0</v>
      </c>
      <c r="W53" s="11">
        <v>0</v>
      </c>
      <c r="X53" s="11" t="s">
        <v>256</v>
      </c>
      <c r="Y53" s="11" t="s">
        <v>256</v>
      </c>
      <c r="Z53" s="11">
        <v>0</v>
      </c>
      <c r="AA53" s="11">
        <v>0</v>
      </c>
      <c r="AB53" s="11">
        <v>0</v>
      </c>
      <c r="AC53" s="11">
        <v>0</v>
      </c>
      <c r="AD53" s="11">
        <v>0</v>
      </c>
      <c r="AE53" s="11">
        <v>0</v>
      </c>
      <c r="AF53" s="11" t="s">
        <v>416</v>
      </c>
      <c r="AG53" s="11" t="s">
        <v>417</v>
      </c>
      <c r="AH53" s="11">
        <v>0</v>
      </c>
      <c r="AI53" s="11" t="s">
        <v>418</v>
      </c>
      <c r="AJ53" s="11">
        <v>0</v>
      </c>
      <c r="AK53" s="11">
        <v>0</v>
      </c>
      <c r="AL53" s="11">
        <v>0</v>
      </c>
      <c r="AM53" s="11">
        <v>0</v>
      </c>
      <c r="AN53" s="83">
        <v>62320.89</v>
      </c>
      <c r="AO53" s="83">
        <v>0</v>
      </c>
      <c r="AP53" s="83">
        <v>0</v>
      </c>
      <c r="AQ53" s="83">
        <v>-28044.400000000001</v>
      </c>
      <c r="AR53" s="83" t="s">
        <v>22</v>
      </c>
      <c r="AS53" s="83">
        <v>0</v>
      </c>
      <c r="AT53" s="83">
        <v>0</v>
      </c>
      <c r="AU53" s="83">
        <v>0</v>
      </c>
      <c r="AV53" s="11">
        <v>0</v>
      </c>
      <c r="AW53" s="11">
        <v>0</v>
      </c>
      <c r="AX53" s="11">
        <v>0</v>
      </c>
      <c r="AY53" s="11">
        <v>0</v>
      </c>
      <c r="AZ53" s="11">
        <v>0</v>
      </c>
      <c r="BA53" s="11">
        <v>0</v>
      </c>
      <c r="BB53" s="11">
        <v>0</v>
      </c>
      <c r="BC53" s="11">
        <v>0</v>
      </c>
      <c r="BD53" s="83">
        <v>0</v>
      </c>
      <c r="BE53" s="83">
        <v>0</v>
      </c>
      <c r="BF53" s="83">
        <v>0</v>
      </c>
      <c r="BG53" s="83">
        <v>0</v>
      </c>
      <c r="BH53" s="83">
        <v>0</v>
      </c>
      <c r="BI53" s="83">
        <v>0</v>
      </c>
      <c r="BJ53" s="83">
        <v>0</v>
      </c>
      <c r="BK53" s="83">
        <v>0</v>
      </c>
      <c r="BL53" s="11">
        <v>2</v>
      </c>
      <c r="BM53" s="83">
        <v>34276.49</v>
      </c>
      <c r="BN53" s="83">
        <v>0</v>
      </c>
    </row>
    <row r="54" spans="1:66" x14ac:dyDescent="0.3">
      <c r="A54" s="78" t="s">
        <v>81</v>
      </c>
      <c r="B54" s="79">
        <v>36</v>
      </c>
      <c r="C54" s="80"/>
      <c r="D54" t="s">
        <v>379</v>
      </c>
      <c r="E54">
        <v>573</v>
      </c>
      <c r="G54" s="78" t="s">
        <v>81</v>
      </c>
      <c r="H54" s="79">
        <v>36</v>
      </c>
      <c r="I54" s="81" t="s">
        <v>322</v>
      </c>
      <c r="J54" s="81">
        <v>722</v>
      </c>
      <c r="K54" s="85">
        <v>2</v>
      </c>
      <c r="L54" s="86"/>
      <c r="M54" s="11"/>
      <c r="N54" s="11"/>
      <c r="O54" s="11"/>
      <c r="P54" s="11"/>
      <c r="Q54" s="11"/>
      <c r="R54" s="11"/>
      <c r="S54" s="11"/>
      <c r="T54" s="11"/>
      <c r="U54" s="11"/>
      <c r="V54" s="11"/>
      <c r="W54" s="11"/>
      <c r="X54" s="11"/>
      <c r="Y54" s="11"/>
      <c r="Z54" s="11"/>
      <c r="AA54" s="11"/>
      <c r="AB54" s="11"/>
      <c r="AC54" s="11"/>
      <c r="AD54" s="11"/>
      <c r="AE54" s="11"/>
      <c r="AF54" s="11"/>
      <c r="AG54" s="11"/>
      <c r="AH54" s="11"/>
      <c r="AI54" s="11"/>
      <c r="AJ54" s="11"/>
      <c r="AK54" s="11"/>
      <c r="AL54" s="11"/>
      <c r="AM54" s="11"/>
      <c r="AN54" s="83"/>
      <c r="AO54" s="83"/>
      <c r="AP54" s="83"/>
      <c r="AQ54" s="83"/>
      <c r="AR54" s="83"/>
      <c r="AS54" s="83"/>
      <c r="AT54" s="83"/>
      <c r="AU54" s="83"/>
      <c r="AV54" s="11"/>
      <c r="AW54" s="11"/>
      <c r="AX54" s="11"/>
      <c r="AY54" s="11"/>
      <c r="AZ54" s="11"/>
      <c r="BA54" s="11"/>
      <c r="BB54" s="11"/>
      <c r="BC54" s="11"/>
      <c r="BD54" s="83"/>
      <c r="BE54" s="83"/>
      <c r="BF54" s="83"/>
      <c r="BG54" s="83"/>
      <c r="BH54" s="83"/>
      <c r="BI54" s="83"/>
      <c r="BJ54" s="83"/>
      <c r="BK54" s="83"/>
      <c r="BL54" s="11"/>
      <c r="BM54" s="83"/>
      <c r="BN54" s="83"/>
    </row>
    <row r="55" spans="1:66" x14ac:dyDescent="0.3">
      <c r="A55" s="78" t="s">
        <v>81</v>
      </c>
      <c r="B55" s="79">
        <v>39</v>
      </c>
      <c r="C55" s="80"/>
      <c r="D55" t="s">
        <v>383</v>
      </c>
      <c r="E55">
        <v>574</v>
      </c>
      <c r="G55" s="78" t="s">
        <v>160</v>
      </c>
      <c r="H55" s="79">
        <v>39</v>
      </c>
      <c r="I55" s="81" t="s">
        <v>357</v>
      </c>
      <c r="J55" s="81">
        <v>550</v>
      </c>
      <c r="K55" s="82">
        <v>114</v>
      </c>
      <c r="L55" s="86">
        <v>39</v>
      </c>
      <c r="M55" s="11">
        <v>550</v>
      </c>
      <c r="N55" s="11">
        <v>120</v>
      </c>
      <c r="O55" s="11" t="s">
        <v>259</v>
      </c>
      <c r="P55" s="11" t="s">
        <v>419</v>
      </c>
      <c r="Q55" s="11" t="s">
        <v>420</v>
      </c>
      <c r="R55" s="11">
        <v>0</v>
      </c>
      <c r="S55" s="11">
        <v>0</v>
      </c>
      <c r="T55" s="11">
        <v>0</v>
      </c>
      <c r="U55" s="11">
        <v>0</v>
      </c>
      <c r="V55" s="11">
        <v>0</v>
      </c>
      <c r="W55" s="11">
        <v>0</v>
      </c>
      <c r="X55" s="11" t="s">
        <v>421</v>
      </c>
      <c r="Y55" s="11" t="s">
        <v>422</v>
      </c>
      <c r="Z55" s="11">
        <v>0</v>
      </c>
      <c r="AA55" s="11">
        <v>0</v>
      </c>
      <c r="AB55" s="11">
        <v>0</v>
      </c>
      <c r="AC55" s="11">
        <v>0</v>
      </c>
      <c r="AD55" s="11">
        <v>0</v>
      </c>
      <c r="AE55" s="11">
        <v>0</v>
      </c>
      <c r="AF55" s="11" t="s">
        <v>423</v>
      </c>
      <c r="AG55" s="11" t="s">
        <v>424</v>
      </c>
      <c r="AH55" s="11">
        <v>0</v>
      </c>
      <c r="AI55" s="11">
        <v>0</v>
      </c>
      <c r="AJ55" s="11">
        <v>0</v>
      </c>
      <c r="AK55" s="11">
        <v>0</v>
      </c>
      <c r="AL55" s="11">
        <v>0</v>
      </c>
      <c r="AM55" s="11">
        <v>0</v>
      </c>
      <c r="AN55" s="83">
        <v>0</v>
      </c>
      <c r="AO55" s="83">
        <v>0</v>
      </c>
      <c r="AP55" s="83">
        <v>0</v>
      </c>
      <c r="AQ55" s="83">
        <v>0</v>
      </c>
      <c r="AR55" s="83">
        <v>0</v>
      </c>
      <c r="AS55" s="83">
        <v>0</v>
      </c>
      <c r="AT55" s="83">
        <v>0</v>
      </c>
      <c r="AU55" s="83">
        <v>0</v>
      </c>
      <c r="AV55" s="11" t="s">
        <v>425</v>
      </c>
      <c r="AW55" s="11" t="s">
        <v>426</v>
      </c>
      <c r="AX55" s="11">
        <v>0</v>
      </c>
      <c r="AY55" s="11">
        <v>0</v>
      </c>
      <c r="AZ55" s="11">
        <v>0</v>
      </c>
      <c r="BA55" s="11">
        <v>0</v>
      </c>
      <c r="BB55" s="11">
        <v>0</v>
      </c>
      <c r="BC55" s="11">
        <v>0</v>
      </c>
      <c r="BD55" s="83">
        <v>93739.1</v>
      </c>
      <c r="BE55" s="83">
        <v>34771</v>
      </c>
      <c r="BF55" s="83">
        <v>0</v>
      </c>
      <c r="BG55" s="83">
        <v>0</v>
      </c>
      <c r="BH55" s="83">
        <v>0</v>
      </c>
      <c r="BI55" s="83">
        <v>0</v>
      </c>
      <c r="BJ55" s="83">
        <v>0</v>
      </c>
      <c r="BK55" s="83">
        <v>0</v>
      </c>
      <c r="BL55" s="11">
        <v>120</v>
      </c>
      <c r="BM55" s="83">
        <v>0</v>
      </c>
      <c r="BN55" s="83">
        <v>128510.1</v>
      </c>
    </row>
    <row r="56" spans="1:66" x14ac:dyDescent="0.3">
      <c r="A56" s="78" t="s">
        <v>160</v>
      </c>
      <c r="B56" s="79">
        <v>39</v>
      </c>
      <c r="C56" s="80"/>
      <c r="D56" t="s">
        <v>392</v>
      </c>
      <c r="E56">
        <v>575</v>
      </c>
      <c r="G56" s="78" t="s">
        <v>160</v>
      </c>
      <c r="H56" s="79">
        <v>39</v>
      </c>
      <c r="I56" s="81" t="s">
        <v>368</v>
      </c>
      <c r="J56" s="81">
        <v>555</v>
      </c>
      <c r="K56" s="85">
        <v>1</v>
      </c>
      <c r="L56" s="86"/>
      <c r="M56" s="11"/>
      <c r="N56" s="11"/>
      <c r="O56" s="11"/>
      <c r="P56" s="11"/>
      <c r="Q56" s="11"/>
      <c r="R56" s="11"/>
      <c r="S56" s="11"/>
      <c r="T56" s="11"/>
      <c r="U56" s="11"/>
      <c r="V56" s="11"/>
      <c r="W56" s="11"/>
      <c r="X56" s="11"/>
      <c r="Y56" s="11"/>
      <c r="Z56" s="11"/>
      <c r="AA56" s="11"/>
      <c r="AB56" s="11"/>
      <c r="AC56" s="11"/>
      <c r="AD56" s="11"/>
      <c r="AE56" s="11"/>
      <c r="AF56" s="11"/>
      <c r="AG56" s="11"/>
      <c r="AH56" s="11"/>
      <c r="AI56" s="11"/>
      <c r="AJ56" s="11"/>
      <c r="AK56" s="11"/>
      <c r="AL56" s="11"/>
      <c r="AM56" s="11"/>
      <c r="AN56" s="83"/>
      <c r="AO56" s="83"/>
      <c r="AP56" s="83"/>
      <c r="AQ56" s="83"/>
      <c r="AR56" s="83"/>
      <c r="AS56" s="83"/>
      <c r="AT56" s="83"/>
      <c r="AU56" s="83"/>
      <c r="AV56" s="11"/>
      <c r="AW56" s="11"/>
      <c r="AX56" s="11"/>
      <c r="AY56" s="11"/>
      <c r="AZ56" s="11"/>
      <c r="BA56" s="11"/>
      <c r="BB56" s="11"/>
      <c r="BC56" s="11"/>
      <c r="BD56" s="83"/>
      <c r="BE56" s="83"/>
      <c r="BF56" s="83"/>
      <c r="BG56" s="83"/>
      <c r="BH56" s="83"/>
      <c r="BI56" s="83"/>
      <c r="BJ56" s="83"/>
      <c r="BK56" s="83"/>
      <c r="BL56" s="11"/>
      <c r="BM56" s="83"/>
      <c r="BN56" s="83"/>
    </row>
    <row r="57" spans="1:66" x14ac:dyDescent="0.3">
      <c r="A57" s="78" t="s">
        <v>160</v>
      </c>
      <c r="B57" s="79">
        <v>39</v>
      </c>
      <c r="C57" s="80"/>
      <c r="D57" t="s">
        <v>64</v>
      </c>
      <c r="E57">
        <v>576</v>
      </c>
      <c r="G57" s="78" t="s">
        <v>160</v>
      </c>
      <c r="H57" s="79">
        <v>39</v>
      </c>
      <c r="I57" s="81" t="s">
        <v>285</v>
      </c>
      <c r="J57" s="81">
        <v>608</v>
      </c>
      <c r="K57" s="85">
        <v>2</v>
      </c>
      <c r="L57" s="86"/>
      <c r="M57" s="11"/>
      <c r="N57" s="11"/>
      <c r="O57" s="11"/>
      <c r="P57" s="11"/>
      <c r="Q57" s="11"/>
      <c r="R57" s="11"/>
      <c r="S57" s="11"/>
      <c r="T57" s="11"/>
      <c r="U57" s="11"/>
      <c r="V57" s="11"/>
      <c r="W57" s="11"/>
      <c r="X57" s="11"/>
      <c r="Y57" s="11"/>
      <c r="Z57" s="11"/>
      <c r="AA57" s="11"/>
      <c r="AB57" s="11"/>
      <c r="AC57" s="11"/>
      <c r="AD57" s="11"/>
      <c r="AE57" s="11"/>
      <c r="AF57" s="11"/>
      <c r="AG57" s="11"/>
      <c r="AH57" s="11"/>
      <c r="AI57" s="11"/>
      <c r="AJ57" s="11"/>
      <c r="AK57" s="11"/>
      <c r="AL57" s="11"/>
      <c r="AM57" s="11"/>
      <c r="AN57" s="83"/>
      <c r="AO57" s="83"/>
      <c r="AP57" s="83"/>
      <c r="AQ57" s="83"/>
      <c r="AR57" s="83"/>
      <c r="AS57" s="83"/>
      <c r="AT57" s="83"/>
      <c r="AU57" s="83"/>
      <c r="AV57" s="11"/>
      <c r="AW57" s="11"/>
      <c r="AX57" s="11"/>
      <c r="AY57" s="11"/>
      <c r="AZ57" s="11"/>
      <c r="BA57" s="11"/>
      <c r="BB57" s="11"/>
      <c r="BC57" s="11"/>
      <c r="BD57" s="83"/>
      <c r="BE57" s="83"/>
      <c r="BF57" s="83"/>
      <c r="BG57" s="83"/>
      <c r="BH57" s="83"/>
      <c r="BI57" s="83"/>
      <c r="BJ57" s="83"/>
      <c r="BK57" s="83"/>
      <c r="BL57" s="11"/>
      <c r="BM57" s="83"/>
      <c r="BN57" s="83"/>
    </row>
    <row r="58" spans="1:66" x14ac:dyDescent="0.3">
      <c r="A58" s="78" t="s">
        <v>160</v>
      </c>
      <c r="B58" s="79">
        <v>39</v>
      </c>
      <c r="C58" s="80"/>
      <c r="D58" t="s">
        <v>399</v>
      </c>
      <c r="E58">
        <v>578</v>
      </c>
      <c r="G58" s="78" t="s">
        <v>160</v>
      </c>
      <c r="H58" s="79">
        <v>39</v>
      </c>
      <c r="I58" s="81" t="s">
        <v>427</v>
      </c>
      <c r="J58" s="81">
        <v>653</v>
      </c>
      <c r="K58" s="85">
        <v>1</v>
      </c>
      <c r="L58" s="86"/>
      <c r="M58" s="11"/>
      <c r="N58" s="11"/>
      <c r="O58" s="11"/>
      <c r="P58" s="11"/>
      <c r="Q58" s="11"/>
      <c r="R58" s="11"/>
      <c r="S58" s="11"/>
      <c r="T58" s="11"/>
      <c r="U58" s="11"/>
      <c r="V58" s="11"/>
      <c r="W58" s="11"/>
      <c r="X58" s="11"/>
      <c r="Y58" s="11"/>
      <c r="Z58" s="11"/>
      <c r="AA58" s="11"/>
      <c r="AB58" s="11"/>
      <c r="AC58" s="11"/>
      <c r="AD58" s="11"/>
      <c r="AE58" s="11"/>
      <c r="AF58" s="11"/>
      <c r="AG58" s="11"/>
      <c r="AH58" s="11"/>
      <c r="AI58" s="11"/>
      <c r="AJ58" s="11"/>
      <c r="AK58" s="11"/>
      <c r="AL58" s="11"/>
      <c r="AM58" s="11"/>
      <c r="AN58" s="83"/>
      <c r="AO58" s="83"/>
      <c r="AP58" s="83"/>
      <c r="AQ58" s="83"/>
      <c r="AR58" s="83"/>
      <c r="AS58" s="83"/>
      <c r="AT58" s="83"/>
      <c r="AU58" s="83"/>
      <c r="AV58" s="11"/>
      <c r="AW58" s="11"/>
      <c r="AX58" s="11"/>
      <c r="AY58" s="11"/>
      <c r="AZ58" s="11"/>
      <c r="BA58" s="11"/>
      <c r="BB58" s="11"/>
      <c r="BC58" s="11"/>
      <c r="BD58" s="83"/>
      <c r="BE58" s="83"/>
      <c r="BF58" s="83"/>
      <c r="BG58" s="83"/>
      <c r="BH58" s="83"/>
      <c r="BI58" s="83"/>
      <c r="BJ58" s="83"/>
      <c r="BK58" s="83"/>
      <c r="BL58" s="11"/>
      <c r="BM58" s="83"/>
      <c r="BN58" s="83"/>
    </row>
    <row r="59" spans="1:66" x14ac:dyDescent="0.3">
      <c r="A59" s="78" t="s">
        <v>160</v>
      </c>
      <c r="B59" s="79">
        <v>39</v>
      </c>
      <c r="C59" s="80"/>
      <c r="D59" t="s">
        <v>428</v>
      </c>
      <c r="E59">
        <v>579</v>
      </c>
      <c r="G59" s="78" t="s">
        <v>160</v>
      </c>
      <c r="H59" s="79">
        <v>39</v>
      </c>
      <c r="I59" s="81" t="s">
        <v>322</v>
      </c>
      <c r="J59" s="81">
        <v>722</v>
      </c>
      <c r="K59" s="85">
        <v>2</v>
      </c>
      <c r="L59" s="86"/>
      <c r="M59" s="11"/>
      <c r="N59" s="11"/>
      <c r="O59" s="11"/>
      <c r="P59" s="11"/>
      <c r="Q59" s="11"/>
      <c r="R59" s="11"/>
      <c r="S59" s="11"/>
      <c r="T59" s="11"/>
      <c r="U59" s="11"/>
      <c r="V59" s="11"/>
      <c r="W59" s="11"/>
      <c r="X59" s="11"/>
      <c r="Y59" s="11"/>
      <c r="Z59" s="11"/>
      <c r="AA59" s="11"/>
      <c r="AB59" s="11"/>
      <c r="AC59" s="11"/>
      <c r="AD59" s="11"/>
      <c r="AE59" s="11"/>
      <c r="AF59" s="11"/>
      <c r="AG59" s="11"/>
      <c r="AH59" s="11"/>
      <c r="AI59" s="11"/>
      <c r="AJ59" s="11"/>
      <c r="AK59" s="11"/>
      <c r="AL59" s="11"/>
      <c r="AM59" s="11"/>
      <c r="AN59" s="83"/>
      <c r="AO59" s="83"/>
      <c r="AP59" s="83"/>
      <c r="AQ59" s="83"/>
      <c r="AR59" s="83"/>
      <c r="AS59" s="83"/>
      <c r="AT59" s="83"/>
      <c r="AU59" s="83"/>
      <c r="AV59" s="11"/>
      <c r="AW59" s="11"/>
      <c r="AX59" s="11"/>
      <c r="AY59" s="11"/>
      <c r="AZ59" s="11"/>
      <c r="BA59" s="11"/>
      <c r="BB59" s="11"/>
      <c r="BC59" s="11"/>
      <c r="BD59" s="83"/>
      <c r="BE59" s="83"/>
      <c r="BF59" s="83"/>
      <c r="BG59" s="83"/>
      <c r="BH59" s="83"/>
      <c r="BI59" s="83"/>
      <c r="BJ59" s="83"/>
      <c r="BK59" s="83"/>
      <c r="BL59" s="11"/>
      <c r="BM59" s="83"/>
      <c r="BN59" s="83"/>
    </row>
    <row r="60" spans="1:66" x14ac:dyDescent="0.3">
      <c r="A60" s="78" t="s">
        <v>160</v>
      </c>
      <c r="B60" s="79">
        <v>41</v>
      </c>
      <c r="C60" s="80"/>
      <c r="D60" t="s">
        <v>375</v>
      </c>
      <c r="E60">
        <v>581</v>
      </c>
      <c r="G60" s="78" t="s">
        <v>82</v>
      </c>
      <c r="H60" s="79">
        <v>41</v>
      </c>
      <c r="I60" s="81" t="s">
        <v>282</v>
      </c>
      <c r="J60" s="81">
        <v>535</v>
      </c>
      <c r="K60" s="82">
        <v>1</v>
      </c>
      <c r="L60" s="86"/>
      <c r="M60" s="11"/>
      <c r="N60" s="11"/>
      <c r="O60" s="11"/>
      <c r="P60" s="11"/>
      <c r="Q60" s="11"/>
      <c r="R60" s="11"/>
      <c r="S60" s="11"/>
      <c r="T60" s="11"/>
      <c r="U60" s="11"/>
      <c r="V60" s="11"/>
      <c r="W60" s="11"/>
      <c r="X60" s="11"/>
      <c r="Y60" s="11"/>
      <c r="Z60" s="11"/>
      <c r="AA60" s="11"/>
      <c r="AB60" s="11"/>
      <c r="AC60" s="11"/>
      <c r="AD60" s="11"/>
      <c r="AE60" s="11"/>
      <c r="AF60" s="11"/>
      <c r="AG60" s="11"/>
      <c r="AH60" s="11"/>
      <c r="AI60" s="11"/>
      <c r="AJ60" s="11"/>
      <c r="AK60" s="11"/>
      <c r="AL60" s="11"/>
      <c r="AM60" s="11"/>
      <c r="AN60" s="83"/>
      <c r="AO60" s="83"/>
      <c r="AP60" s="83"/>
      <c r="AQ60" s="83"/>
      <c r="AR60" s="83"/>
      <c r="AS60" s="83"/>
      <c r="AT60" s="83"/>
      <c r="AU60" s="83"/>
      <c r="AV60" s="11"/>
      <c r="AW60" s="11"/>
      <c r="AX60" s="11"/>
      <c r="AY60" s="11"/>
      <c r="AZ60" s="11"/>
      <c r="BA60" s="11"/>
      <c r="BB60" s="11"/>
      <c r="BC60" s="11"/>
      <c r="BD60" s="83"/>
      <c r="BE60" s="83"/>
      <c r="BF60" s="83"/>
      <c r="BG60" s="83"/>
      <c r="BH60" s="83"/>
      <c r="BI60" s="83"/>
      <c r="BJ60" s="83"/>
      <c r="BK60" s="83"/>
      <c r="BL60" s="11"/>
      <c r="BM60" s="83"/>
      <c r="BN60" s="83"/>
    </row>
    <row r="61" spans="1:66" x14ac:dyDescent="0.3">
      <c r="A61" s="78" t="s">
        <v>82</v>
      </c>
      <c r="B61" s="79">
        <v>41</v>
      </c>
      <c r="C61" s="80"/>
      <c r="D61" t="s">
        <v>375</v>
      </c>
      <c r="E61">
        <v>581</v>
      </c>
      <c r="G61" s="78" t="s">
        <v>82</v>
      </c>
      <c r="H61" s="79">
        <v>41</v>
      </c>
      <c r="I61" s="81" t="s">
        <v>368</v>
      </c>
      <c r="J61" s="81">
        <v>555</v>
      </c>
      <c r="K61" s="82">
        <v>2</v>
      </c>
      <c r="L61" s="86"/>
      <c r="M61" s="11"/>
      <c r="N61" s="11"/>
      <c r="O61" s="11"/>
      <c r="P61" s="11"/>
      <c r="Q61" s="11"/>
      <c r="R61" s="11"/>
      <c r="S61" s="11"/>
      <c r="T61" s="11"/>
      <c r="U61" s="11"/>
      <c r="V61" s="11"/>
      <c r="W61" s="11"/>
      <c r="X61" s="11"/>
      <c r="Y61" s="11"/>
      <c r="Z61" s="11"/>
      <c r="AA61" s="11"/>
      <c r="AB61" s="11"/>
      <c r="AC61" s="11"/>
      <c r="AD61" s="11"/>
      <c r="AE61" s="11"/>
      <c r="AF61" s="11"/>
      <c r="AG61" s="11"/>
      <c r="AH61" s="11"/>
      <c r="AI61" s="11"/>
      <c r="AJ61" s="11"/>
      <c r="AK61" s="11"/>
      <c r="AL61" s="11"/>
      <c r="AM61" s="11"/>
      <c r="AN61" s="83"/>
      <c r="AO61" s="83"/>
      <c r="AP61" s="83"/>
      <c r="AQ61" s="83"/>
      <c r="AR61" s="83"/>
      <c r="AS61" s="83"/>
      <c r="AT61" s="83"/>
      <c r="AU61" s="83"/>
      <c r="AV61" s="11"/>
      <c r="AW61" s="11"/>
      <c r="AX61" s="11"/>
      <c r="AY61" s="11"/>
      <c r="AZ61" s="11"/>
      <c r="BA61" s="11"/>
      <c r="BB61" s="11"/>
      <c r="BC61" s="11"/>
      <c r="BD61" s="83"/>
      <c r="BE61" s="83"/>
      <c r="BF61" s="83"/>
      <c r="BG61" s="83"/>
      <c r="BH61" s="83"/>
      <c r="BI61" s="83"/>
      <c r="BJ61" s="83"/>
      <c r="BK61" s="83"/>
      <c r="BL61" s="11"/>
      <c r="BM61" s="83"/>
      <c r="BN61" s="83"/>
    </row>
    <row r="62" spans="1:66" x14ac:dyDescent="0.3">
      <c r="A62" s="78" t="s">
        <v>82</v>
      </c>
      <c r="B62" s="79">
        <v>41</v>
      </c>
      <c r="C62" s="80"/>
      <c r="D62" t="s">
        <v>429</v>
      </c>
      <c r="E62">
        <v>583</v>
      </c>
      <c r="G62" s="78" t="s">
        <v>82</v>
      </c>
      <c r="H62" s="79">
        <v>41</v>
      </c>
      <c r="I62" s="81" t="s">
        <v>322</v>
      </c>
      <c r="J62" s="81">
        <v>722</v>
      </c>
      <c r="K62" s="82">
        <v>1</v>
      </c>
      <c r="L62" s="86"/>
      <c r="M62" s="11"/>
      <c r="N62" s="11"/>
      <c r="O62" s="11"/>
      <c r="P62" s="11"/>
      <c r="Q62" s="11"/>
      <c r="R62" s="11"/>
      <c r="S62" s="11"/>
      <c r="T62" s="11"/>
      <c r="U62" s="11"/>
      <c r="V62" s="11"/>
      <c r="W62" s="11"/>
      <c r="X62" s="11"/>
      <c r="Y62" s="11"/>
      <c r="Z62" s="11"/>
      <c r="AA62" s="11"/>
      <c r="AB62" s="11"/>
      <c r="AC62" s="11"/>
      <c r="AD62" s="11"/>
      <c r="AE62" s="11"/>
      <c r="AF62" s="11"/>
      <c r="AG62" s="11"/>
      <c r="AH62" s="11"/>
      <c r="AI62" s="11"/>
      <c r="AJ62" s="11"/>
      <c r="AK62" s="11"/>
      <c r="AL62" s="11"/>
      <c r="AM62" s="11"/>
      <c r="AN62" s="83"/>
      <c r="AO62" s="83"/>
      <c r="AP62" s="83"/>
      <c r="AQ62" s="83"/>
      <c r="AR62" s="83"/>
      <c r="AS62" s="83"/>
      <c r="AT62" s="83"/>
      <c r="AU62" s="83"/>
      <c r="AV62" s="11"/>
      <c r="AW62" s="11"/>
      <c r="AX62" s="11"/>
      <c r="AY62" s="11"/>
      <c r="AZ62" s="11"/>
      <c r="BA62" s="11"/>
      <c r="BB62" s="11"/>
      <c r="BC62" s="11"/>
      <c r="BD62" s="83"/>
      <c r="BE62" s="83"/>
      <c r="BF62" s="83"/>
      <c r="BG62" s="83"/>
      <c r="BH62" s="83"/>
      <c r="BI62" s="83"/>
      <c r="BJ62" s="83"/>
      <c r="BK62" s="83"/>
      <c r="BL62" s="11"/>
      <c r="BM62" s="83"/>
      <c r="BN62" s="83"/>
    </row>
    <row r="63" spans="1:66" x14ac:dyDescent="0.3">
      <c r="A63" s="78" t="s">
        <v>83</v>
      </c>
      <c r="B63" s="79">
        <v>42</v>
      </c>
      <c r="C63" s="80"/>
      <c r="D63" t="s">
        <v>369</v>
      </c>
      <c r="E63">
        <v>584</v>
      </c>
      <c r="G63" s="78" t="s">
        <v>83</v>
      </c>
      <c r="H63" s="79">
        <v>42</v>
      </c>
      <c r="I63" s="81" t="s">
        <v>394</v>
      </c>
      <c r="J63" s="81">
        <v>563</v>
      </c>
      <c r="K63" s="82">
        <v>45</v>
      </c>
      <c r="L63" s="86">
        <v>42</v>
      </c>
      <c r="M63" s="11">
        <v>563</v>
      </c>
      <c r="N63" s="11">
        <v>35</v>
      </c>
      <c r="O63" s="11" t="s">
        <v>259</v>
      </c>
      <c r="P63" s="11">
        <v>2.8</v>
      </c>
      <c r="Q63" s="11">
        <v>4.5999999999999996</v>
      </c>
      <c r="R63" s="11">
        <v>2.7</v>
      </c>
      <c r="S63" s="11">
        <v>3</v>
      </c>
      <c r="T63" s="11">
        <v>2</v>
      </c>
      <c r="U63" s="11">
        <v>0</v>
      </c>
      <c r="V63" s="11">
        <v>0</v>
      </c>
      <c r="W63" s="11">
        <v>0</v>
      </c>
      <c r="X63" s="11" t="s">
        <v>256</v>
      </c>
      <c r="Y63" s="11" t="s">
        <v>256</v>
      </c>
      <c r="Z63" s="11" t="s">
        <v>256</v>
      </c>
      <c r="AA63" s="11" t="s">
        <v>256</v>
      </c>
      <c r="AB63" s="11" t="s">
        <v>256</v>
      </c>
      <c r="AC63" s="11">
        <v>0</v>
      </c>
      <c r="AD63" s="11">
        <v>0</v>
      </c>
      <c r="AE63" s="11">
        <v>0</v>
      </c>
      <c r="AF63" s="11" t="s">
        <v>430</v>
      </c>
      <c r="AG63" s="11">
        <v>0</v>
      </c>
      <c r="AH63" s="11">
        <v>0</v>
      </c>
      <c r="AI63" s="11">
        <v>0</v>
      </c>
      <c r="AJ63" s="11">
        <v>0</v>
      </c>
      <c r="AK63" s="11">
        <v>0</v>
      </c>
      <c r="AL63" s="11">
        <v>0</v>
      </c>
      <c r="AM63" s="11">
        <v>0</v>
      </c>
      <c r="AN63" s="83">
        <v>0</v>
      </c>
      <c r="AO63" s="83">
        <v>2667.6</v>
      </c>
      <c r="AP63" s="83">
        <v>4382.49</v>
      </c>
      <c r="AQ63" s="83">
        <v>2572.33</v>
      </c>
      <c r="AR63" s="83">
        <v>2858.15</v>
      </c>
      <c r="AS63" s="83">
        <v>1905.43</v>
      </c>
      <c r="AT63" s="83">
        <v>0</v>
      </c>
      <c r="AU63" s="83">
        <v>0</v>
      </c>
      <c r="AV63" s="11" t="s">
        <v>431</v>
      </c>
      <c r="AW63" s="11">
        <v>0</v>
      </c>
      <c r="AX63" s="11">
        <v>0</v>
      </c>
      <c r="AY63" s="11">
        <v>0</v>
      </c>
      <c r="AZ63" s="11">
        <v>0</v>
      </c>
      <c r="BA63" s="11">
        <v>0</v>
      </c>
      <c r="BB63" s="11">
        <v>0</v>
      </c>
      <c r="BC63" s="11">
        <v>0</v>
      </c>
      <c r="BD63" s="83">
        <v>0</v>
      </c>
      <c r="BE63" s="83">
        <v>15319.71</v>
      </c>
      <c r="BF63" s="83">
        <v>25168.09</v>
      </c>
      <c r="BG63" s="83">
        <v>14772.58</v>
      </c>
      <c r="BH63" s="83">
        <v>16413.97</v>
      </c>
      <c r="BI63" s="83">
        <v>10942.65</v>
      </c>
      <c r="BJ63" s="83">
        <v>0</v>
      </c>
      <c r="BK63" s="83">
        <v>0</v>
      </c>
      <c r="BL63" s="11">
        <v>35</v>
      </c>
      <c r="BM63" s="83">
        <v>14386</v>
      </c>
      <c r="BN63" s="83">
        <v>82617</v>
      </c>
    </row>
    <row r="64" spans="1:66" x14ac:dyDescent="0.3">
      <c r="A64" s="78" t="s">
        <v>84</v>
      </c>
      <c r="B64" s="79">
        <v>43</v>
      </c>
      <c r="C64" s="80"/>
      <c r="D64" t="s">
        <v>369</v>
      </c>
      <c r="E64">
        <v>584</v>
      </c>
      <c r="G64" s="78" t="s">
        <v>84</v>
      </c>
      <c r="H64" s="79">
        <v>43</v>
      </c>
      <c r="I64" s="81" t="s">
        <v>391</v>
      </c>
      <c r="J64" s="81">
        <v>560</v>
      </c>
      <c r="K64" s="82">
        <v>11</v>
      </c>
      <c r="L64" s="86">
        <v>43</v>
      </c>
      <c r="M64" s="11">
        <v>560</v>
      </c>
      <c r="N64" s="11">
        <v>16</v>
      </c>
      <c r="O64" s="11" t="s">
        <v>259</v>
      </c>
      <c r="P64" s="11">
        <v>3.5</v>
      </c>
      <c r="Q64" s="11">
        <v>6.3</v>
      </c>
      <c r="R64" s="11">
        <v>7.4</v>
      </c>
      <c r="S64" s="11">
        <v>4.5999999999999996</v>
      </c>
      <c r="T64" s="11">
        <v>4.5999999999999996</v>
      </c>
      <c r="U64" s="11">
        <v>0</v>
      </c>
      <c r="V64" s="11">
        <v>0</v>
      </c>
      <c r="W64" s="11">
        <v>0</v>
      </c>
      <c r="X64" s="11" t="s">
        <v>432</v>
      </c>
      <c r="Y64" s="11" t="s">
        <v>433</v>
      </c>
      <c r="Z64" s="11" t="s">
        <v>433</v>
      </c>
      <c r="AA64" s="11" t="s">
        <v>433</v>
      </c>
      <c r="AB64" s="11" t="s">
        <v>433</v>
      </c>
      <c r="AC64" s="11">
        <v>0</v>
      </c>
      <c r="AD64" s="11">
        <v>0</v>
      </c>
      <c r="AE64" s="11">
        <v>0</v>
      </c>
      <c r="AF64" s="11" t="s">
        <v>434</v>
      </c>
      <c r="AG64" s="11" t="s">
        <v>435</v>
      </c>
      <c r="AH64" s="11" t="s">
        <v>436</v>
      </c>
      <c r="AI64" s="11" t="s">
        <v>437</v>
      </c>
      <c r="AJ64" s="11" t="s">
        <v>438</v>
      </c>
      <c r="AK64" s="11">
        <v>0</v>
      </c>
      <c r="AL64" s="11">
        <v>0</v>
      </c>
      <c r="AM64" s="11">
        <v>0</v>
      </c>
      <c r="AN64" s="83">
        <v>38874</v>
      </c>
      <c r="AO64" s="83">
        <v>8666</v>
      </c>
      <c r="AP64" s="83">
        <v>10179</v>
      </c>
      <c r="AQ64" s="83">
        <v>6328</v>
      </c>
      <c r="AR64" s="83">
        <v>6328</v>
      </c>
      <c r="AS64" s="83">
        <v>0</v>
      </c>
      <c r="AT64" s="83">
        <v>0</v>
      </c>
      <c r="AU64" s="83">
        <v>0</v>
      </c>
      <c r="AV64" s="11" t="s">
        <v>439</v>
      </c>
      <c r="AW64" s="11" t="s">
        <v>439</v>
      </c>
      <c r="AX64" s="11" t="s">
        <v>439</v>
      </c>
      <c r="AY64" s="11" t="s">
        <v>439</v>
      </c>
      <c r="AZ64" s="11" t="s">
        <v>439</v>
      </c>
      <c r="BA64" s="11">
        <v>0</v>
      </c>
      <c r="BB64" s="11">
        <v>0</v>
      </c>
      <c r="BC64" s="11">
        <v>0</v>
      </c>
      <c r="BD64" s="83">
        <v>38874</v>
      </c>
      <c r="BE64" s="83">
        <v>8666</v>
      </c>
      <c r="BF64" s="83">
        <v>10179</v>
      </c>
      <c r="BG64" s="83">
        <v>6328</v>
      </c>
      <c r="BH64" s="83">
        <v>6328</v>
      </c>
      <c r="BI64" s="83">
        <v>0</v>
      </c>
      <c r="BJ64" s="83">
        <v>0</v>
      </c>
      <c r="BK64" s="83">
        <v>0</v>
      </c>
      <c r="BL64" s="11">
        <v>16</v>
      </c>
      <c r="BM64" s="83">
        <v>70375</v>
      </c>
      <c r="BN64" s="83">
        <v>70375</v>
      </c>
    </row>
    <row r="65" spans="1:66" x14ac:dyDescent="0.3">
      <c r="A65" s="78" t="s">
        <v>161</v>
      </c>
      <c r="B65" s="79">
        <v>44</v>
      </c>
      <c r="C65" s="80"/>
      <c r="D65" t="s">
        <v>377</v>
      </c>
      <c r="E65">
        <v>587</v>
      </c>
      <c r="G65" s="78" t="s">
        <v>161</v>
      </c>
      <c r="H65" s="79">
        <v>44</v>
      </c>
      <c r="I65" s="81" t="s">
        <v>368</v>
      </c>
      <c r="J65" s="81">
        <v>555</v>
      </c>
      <c r="K65" s="82">
        <v>136</v>
      </c>
      <c r="L65" s="86">
        <v>44</v>
      </c>
      <c r="M65" s="11">
        <v>555</v>
      </c>
      <c r="N65" s="11">
        <v>184</v>
      </c>
      <c r="O65" s="11" t="s">
        <v>259</v>
      </c>
      <c r="P65" s="11" t="s">
        <v>440</v>
      </c>
      <c r="Q65" s="11" t="s">
        <v>441</v>
      </c>
      <c r="R65" s="11" t="s">
        <v>442</v>
      </c>
      <c r="S65" s="11" t="s">
        <v>443</v>
      </c>
      <c r="T65" s="11" t="s">
        <v>442</v>
      </c>
      <c r="U65" s="11" t="s">
        <v>444</v>
      </c>
      <c r="V65" s="11">
        <v>0</v>
      </c>
      <c r="W65" s="11">
        <v>0</v>
      </c>
      <c r="X65" s="11" t="s">
        <v>445</v>
      </c>
      <c r="Y65" s="11" t="s">
        <v>445</v>
      </c>
      <c r="Z65" s="11" t="s">
        <v>446</v>
      </c>
      <c r="AA65" s="11" t="s">
        <v>445</v>
      </c>
      <c r="AB65" s="11" t="s">
        <v>446</v>
      </c>
      <c r="AC65" s="11" t="s">
        <v>447</v>
      </c>
      <c r="AD65" s="11">
        <v>0</v>
      </c>
      <c r="AE65" s="11">
        <v>0</v>
      </c>
      <c r="AF65" s="11" t="s">
        <v>448</v>
      </c>
      <c r="AG65" s="11" t="s">
        <v>449</v>
      </c>
      <c r="AH65" s="11" t="s">
        <v>450</v>
      </c>
      <c r="AI65" s="11" t="s">
        <v>451</v>
      </c>
      <c r="AJ65" s="11" t="s">
        <v>450</v>
      </c>
      <c r="AK65" s="11" t="s">
        <v>452</v>
      </c>
      <c r="AL65" s="11">
        <v>0</v>
      </c>
      <c r="AM65" s="11">
        <v>0</v>
      </c>
      <c r="AN65" s="83">
        <v>0</v>
      </c>
      <c r="AO65" s="83">
        <v>0</v>
      </c>
      <c r="AP65" s="83">
        <v>0</v>
      </c>
      <c r="AQ65" s="83">
        <v>0</v>
      </c>
      <c r="AR65" s="83">
        <v>0</v>
      </c>
      <c r="AS65" s="83">
        <v>0</v>
      </c>
      <c r="AT65" s="83">
        <v>0</v>
      </c>
      <c r="AU65" s="83">
        <v>0</v>
      </c>
      <c r="AV65" s="11" t="s">
        <v>453</v>
      </c>
      <c r="AW65" s="11" t="s">
        <v>453</v>
      </c>
      <c r="AX65" s="11" t="s">
        <v>454</v>
      </c>
      <c r="AY65" s="11" t="s">
        <v>453</v>
      </c>
      <c r="AZ65" s="11" t="s">
        <v>454</v>
      </c>
      <c r="BA65" s="11" t="s">
        <v>453</v>
      </c>
      <c r="BB65" s="11">
        <v>0</v>
      </c>
      <c r="BC65" s="11">
        <v>0</v>
      </c>
      <c r="BD65" s="83">
        <v>39680</v>
      </c>
      <c r="BE65" s="83">
        <v>14260</v>
      </c>
      <c r="BF65" s="83">
        <v>3500</v>
      </c>
      <c r="BG65" s="83">
        <v>1240</v>
      </c>
      <c r="BH65" s="83">
        <v>500</v>
      </c>
      <c r="BI65" s="83">
        <v>22500</v>
      </c>
      <c r="BJ65" s="83">
        <v>0</v>
      </c>
      <c r="BK65" s="83">
        <v>0</v>
      </c>
      <c r="BL65" s="11">
        <v>142</v>
      </c>
      <c r="BM65" s="83">
        <v>0</v>
      </c>
      <c r="BN65" s="83">
        <v>81680</v>
      </c>
    </row>
    <row r="66" spans="1:66" x14ac:dyDescent="0.3">
      <c r="A66" s="78" t="s">
        <v>161</v>
      </c>
      <c r="B66" s="79">
        <v>44</v>
      </c>
      <c r="C66" s="80"/>
      <c r="D66" t="s">
        <v>455</v>
      </c>
      <c r="E66">
        <v>587</v>
      </c>
      <c r="G66" s="78" t="s">
        <v>161</v>
      </c>
      <c r="H66" s="79">
        <v>44</v>
      </c>
      <c r="I66" s="81" t="s">
        <v>355</v>
      </c>
      <c r="J66" s="81">
        <v>549</v>
      </c>
      <c r="K66" s="82">
        <v>37</v>
      </c>
      <c r="L66" s="86">
        <v>44</v>
      </c>
      <c r="M66" s="11">
        <v>549</v>
      </c>
      <c r="N66" s="11">
        <v>44</v>
      </c>
      <c r="O66" s="11" t="s">
        <v>259</v>
      </c>
      <c r="P66" s="11">
        <v>2</v>
      </c>
      <c r="Q66" s="11">
        <v>5</v>
      </c>
      <c r="R66" s="11">
        <v>5</v>
      </c>
      <c r="S66" s="11">
        <v>5</v>
      </c>
      <c r="T66" s="11">
        <v>3.8</v>
      </c>
      <c r="U66" s="11">
        <v>4</v>
      </c>
      <c r="V66" s="11">
        <v>5</v>
      </c>
      <c r="W66" s="11">
        <v>0</v>
      </c>
      <c r="X66" s="11">
        <v>0</v>
      </c>
      <c r="Y66" s="11">
        <v>0</v>
      </c>
      <c r="Z66" s="11">
        <v>0</v>
      </c>
      <c r="AA66" s="11">
        <v>0</v>
      </c>
      <c r="AB66" s="11">
        <v>0</v>
      </c>
      <c r="AC66" s="11">
        <v>0</v>
      </c>
      <c r="AD66" s="11">
        <v>0</v>
      </c>
      <c r="AE66" s="11">
        <v>0</v>
      </c>
      <c r="AF66" s="11" t="s">
        <v>456</v>
      </c>
      <c r="AG66" s="11" t="s">
        <v>456</v>
      </c>
      <c r="AH66" s="11" t="s">
        <v>456</v>
      </c>
      <c r="AI66" s="11" t="s">
        <v>456</v>
      </c>
      <c r="AJ66" s="11" t="s">
        <v>457</v>
      </c>
      <c r="AK66" s="11" t="s">
        <v>457</v>
      </c>
      <c r="AL66" s="11" t="s">
        <v>457</v>
      </c>
      <c r="AM66" s="11">
        <v>0</v>
      </c>
      <c r="AN66" s="83">
        <v>0</v>
      </c>
      <c r="AO66" s="83">
        <v>0</v>
      </c>
      <c r="AP66" s="83">
        <v>0</v>
      </c>
      <c r="AQ66" s="83">
        <v>0</v>
      </c>
      <c r="AR66" s="83">
        <v>0</v>
      </c>
      <c r="AS66" s="83">
        <v>0</v>
      </c>
      <c r="AT66" s="83">
        <v>0</v>
      </c>
      <c r="AU66" s="83">
        <v>0</v>
      </c>
      <c r="AV66" s="11" t="s">
        <v>458</v>
      </c>
      <c r="AW66" s="11" t="s">
        <v>458</v>
      </c>
      <c r="AX66" s="11" t="s">
        <v>458</v>
      </c>
      <c r="AY66" s="11" t="s">
        <v>458</v>
      </c>
      <c r="AZ66" s="11" t="s">
        <v>459</v>
      </c>
      <c r="BA66" s="11" t="s">
        <v>459</v>
      </c>
      <c r="BB66" s="11" t="s">
        <v>459</v>
      </c>
      <c r="BC66" s="11">
        <v>0</v>
      </c>
      <c r="BD66" s="83">
        <v>10540</v>
      </c>
      <c r="BE66" s="83">
        <v>1240</v>
      </c>
      <c r="BF66" s="83">
        <v>620</v>
      </c>
      <c r="BG66" s="83">
        <v>620</v>
      </c>
      <c r="BH66" s="83">
        <v>89415</v>
      </c>
      <c r="BI66" s="83">
        <v>0</v>
      </c>
      <c r="BJ66" s="83">
        <v>0</v>
      </c>
      <c r="BK66" s="83">
        <v>0</v>
      </c>
      <c r="BL66" s="11">
        <v>44</v>
      </c>
      <c r="BM66" s="83">
        <v>0</v>
      </c>
      <c r="BN66" s="83">
        <v>102435</v>
      </c>
    </row>
    <row r="67" spans="1:66" x14ac:dyDescent="0.3">
      <c r="A67" s="78" t="s">
        <v>162</v>
      </c>
      <c r="B67" s="79">
        <v>45</v>
      </c>
      <c r="C67" s="80"/>
      <c r="D67" t="s">
        <v>65</v>
      </c>
      <c r="E67">
        <v>588</v>
      </c>
      <c r="G67" s="78" t="s">
        <v>162</v>
      </c>
      <c r="H67" s="79">
        <v>45</v>
      </c>
      <c r="I67" s="81" t="s">
        <v>368</v>
      </c>
      <c r="J67" s="81">
        <v>555</v>
      </c>
      <c r="K67" s="82">
        <v>20</v>
      </c>
      <c r="L67" s="86">
        <v>45</v>
      </c>
      <c r="M67" s="11">
        <v>555</v>
      </c>
      <c r="N67" s="11">
        <v>25</v>
      </c>
      <c r="O67" s="11" t="s">
        <v>204</v>
      </c>
      <c r="P67" s="11" t="s">
        <v>460</v>
      </c>
      <c r="Q67" s="11" t="s">
        <v>461</v>
      </c>
      <c r="R67" s="11" t="s">
        <v>462</v>
      </c>
      <c r="S67" s="11">
        <v>0</v>
      </c>
      <c r="T67" s="11">
        <v>0</v>
      </c>
      <c r="U67" s="11">
        <v>0</v>
      </c>
      <c r="V67" s="11">
        <v>0</v>
      </c>
      <c r="W67" s="11">
        <v>0</v>
      </c>
      <c r="X67" s="11" t="s">
        <v>445</v>
      </c>
      <c r="Y67" s="11" t="s">
        <v>445</v>
      </c>
      <c r="Z67" s="11" t="s">
        <v>463</v>
      </c>
      <c r="AA67" s="11">
        <v>0</v>
      </c>
      <c r="AB67" s="11">
        <v>0</v>
      </c>
      <c r="AC67" s="11">
        <v>0</v>
      </c>
      <c r="AD67" s="11">
        <v>0</v>
      </c>
      <c r="AE67" s="11">
        <v>0</v>
      </c>
      <c r="AF67" s="11" t="s">
        <v>464</v>
      </c>
      <c r="AG67" s="11" t="s">
        <v>465</v>
      </c>
      <c r="AH67" s="11" t="s">
        <v>466</v>
      </c>
      <c r="AI67" s="11" t="s">
        <v>467</v>
      </c>
      <c r="AJ67" s="11">
        <v>0</v>
      </c>
      <c r="AK67" s="11">
        <v>0</v>
      </c>
      <c r="AL67" s="11">
        <v>0</v>
      </c>
      <c r="AM67" s="11">
        <v>0</v>
      </c>
      <c r="AN67" s="83">
        <v>4584</v>
      </c>
      <c r="AO67" s="83">
        <v>2865</v>
      </c>
      <c r="AP67" s="83">
        <v>8812.7999999999993</v>
      </c>
      <c r="AQ67" s="83">
        <v>0</v>
      </c>
      <c r="AR67" s="83">
        <v>0</v>
      </c>
      <c r="AS67" s="83">
        <v>0</v>
      </c>
      <c r="AT67" s="83">
        <v>0</v>
      </c>
      <c r="AU67" s="83">
        <v>0</v>
      </c>
      <c r="AV67" s="11" t="s">
        <v>464</v>
      </c>
      <c r="AW67" s="11" t="s">
        <v>465</v>
      </c>
      <c r="AX67" s="11" t="s">
        <v>468</v>
      </c>
      <c r="AY67" s="11" t="s">
        <v>469</v>
      </c>
      <c r="AZ67" s="11">
        <v>0</v>
      </c>
      <c r="BA67" s="11">
        <v>0</v>
      </c>
      <c r="BB67" s="11">
        <v>0</v>
      </c>
      <c r="BC67" s="11">
        <v>0</v>
      </c>
      <c r="BD67" s="83">
        <v>4584</v>
      </c>
      <c r="BE67" s="83">
        <v>2865</v>
      </c>
      <c r="BF67" s="83">
        <v>8812.7999999999993</v>
      </c>
      <c r="BG67" s="83">
        <v>0</v>
      </c>
      <c r="BH67" s="83">
        <v>0</v>
      </c>
      <c r="BI67" s="83">
        <v>0</v>
      </c>
      <c r="BJ67" s="83">
        <v>0</v>
      </c>
      <c r="BK67" s="83">
        <v>0</v>
      </c>
      <c r="BL67" s="11">
        <v>25</v>
      </c>
      <c r="BM67" s="83">
        <v>16261.8</v>
      </c>
      <c r="BN67" s="83">
        <v>16261.8</v>
      </c>
    </row>
    <row r="68" spans="1:66" x14ac:dyDescent="0.3">
      <c r="A68" s="78" t="s">
        <v>163</v>
      </c>
      <c r="B68" s="79">
        <v>48</v>
      </c>
      <c r="C68" s="80"/>
      <c r="D68" t="s">
        <v>470</v>
      </c>
      <c r="E68">
        <v>589</v>
      </c>
      <c r="G68" s="78" t="s">
        <v>163</v>
      </c>
      <c r="H68" s="79">
        <v>48</v>
      </c>
      <c r="I68" s="81" t="s">
        <v>381</v>
      </c>
      <c r="J68" s="81">
        <v>557</v>
      </c>
      <c r="K68" s="82">
        <v>82</v>
      </c>
    </row>
    <row r="69" spans="1:66" x14ac:dyDescent="0.3">
      <c r="A69" s="78" t="s">
        <v>163</v>
      </c>
      <c r="B69" s="79">
        <v>48</v>
      </c>
      <c r="C69" s="80"/>
      <c r="D69" t="s">
        <v>471</v>
      </c>
      <c r="E69">
        <v>590</v>
      </c>
      <c r="G69" s="78" t="s">
        <v>163</v>
      </c>
      <c r="H69" s="79">
        <v>48</v>
      </c>
      <c r="I69" s="81" t="s">
        <v>378</v>
      </c>
      <c r="J69" s="81">
        <v>556</v>
      </c>
      <c r="K69" s="82">
        <v>26</v>
      </c>
      <c r="L69" s="86">
        <v>48</v>
      </c>
      <c r="M69" s="11">
        <v>556</v>
      </c>
      <c r="N69" s="11">
        <v>27</v>
      </c>
      <c r="O69" s="11" t="s">
        <v>259</v>
      </c>
      <c r="P69" s="11">
        <v>46.9</v>
      </c>
      <c r="Q69" s="11">
        <v>46</v>
      </c>
      <c r="R69" s="11">
        <v>4.5999999999999996</v>
      </c>
      <c r="S69" s="11">
        <v>0</v>
      </c>
      <c r="T69" s="11">
        <v>0</v>
      </c>
      <c r="U69" s="11">
        <v>0</v>
      </c>
      <c r="V69" s="11">
        <v>0</v>
      </c>
      <c r="W69" s="11">
        <v>0</v>
      </c>
      <c r="X69" s="11" t="s">
        <v>269</v>
      </c>
      <c r="Y69" s="11" t="s">
        <v>269</v>
      </c>
      <c r="Z69" s="11" t="s">
        <v>269</v>
      </c>
      <c r="AA69" s="11">
        <v>0</v>
      </c>
      <c r="AB69" s="11">
        <v>0</v>
      </c>
      <c r="AC69" s="11">
        <v>0</v>
      </c>
      <c r="AD69" s="11">
        <v>0</v>
      </c>
      <c r="AE69" s="11">
        <v>0</v>
      </c>
      <c r="AF69" s="11" t="s">
        <v>472</v>
      </c>
      <c r="AG69" s="11" t="s">
        <v>472</v>
      </c>
      <c r="AH69" s="11" t="s">
        <v>472</v>
      </c>
      <c r="AI69" s="11">
        <v>0</v>
      </c>
      <c r="AJ69" s="11">
        <v>0</v>
      </c>
      <c r="AK69" s="11">
        <v>0</v>
      </c>
      <c r="AL69" s="11">
        <v>0</v>
      </c>
      <c r="AM69" s="11">
        <v>0</v>
      </c>
      <c r="AN69" s="83">
        <v>20190.580985000001</v>
      </c>
      <c r="AO69" s="83">
        <v>8833.3853240000008</v>
      </c>
      <c r="AP69" s="83">
        <v>8833.3853240000008</v>
      </c>
      <c r="AQ69" s="83">
        <v>0</v>
      </c>
      <c r="AR69" s="83">
        <v>0</v>
      </c>
      <c r="AS69" s="83">
        <v>0</v>
      </c>
      <c r="AT69" s="83">
        <v>0</v>
      </c>
      <c r="AU69" s="83">
        <v>0</v>
      </c>
      <c r="AV69" s="11" t="s">
        <v>473</v>
      </c>
      <c r="AW69" s="11" t="s">
        <v>473</v>
      </c>
      <c r="AX69" s="11">
        <v>0</v>
      </c>
      <c r="AY69" s="11">
        <v>0</v>
      </c>
      <c r="AZ69" s="11">
        <v>0</v>
      </c>
      <c r="BA69" s="11">
        <v>0</v>
      </c>
      <c r="BB69" s="11">
        <v>0</v>
      </c>
      <c r="BC69" s="11">
        <v>0</v>
      </c>
      <c r="BD69" s="83">
        <v>18285</v>
      </c>
      <c r="BE69" s="83">
        <v>6095</v>
      </c>
      <c r="BF69" s="83">
        <v>0</v>
      </c>
      <c r="BG69" s="83">
        <v>0</v>
      </c>
      <c r="BH69" s="83">
        <v>0</v>
      </c>
      <c r="BI69" s="83">
        <v>0</v>
      </c>
      <c r="BJ69" s="83">
        <v>0</v>
      </c>
      <c r="BK69" s="83">
        <v>0</v>
      </c>
      <c r="BL69" s="11">
        <v>27</v>
      </c>
      <c r="BM69" s="83">
        <v>37857.351633000006</v>
      </c>
      <c r="BN69" s="83">
        <v>24380</v>
      </c>
    </row>
    <row r="70" spans="1:66" x14ac:dyDescent="0.3">
      <c r="A70" s="78" t="s">
        <v>163</v>
      </c>
      <c r="B70" s="79">
        <v>48</v>
      </c>
      <c r="C70" s="80"/>
      <c r="D70" t="s">
        <v>474</v>
      </c>
      <c r="E70">
        <v>591</v>
      </c>
      <c r="G70" s="78" t="s">
        <v>163</v>
      </c>
      <c r="H70" s="79">
        <v>48</v>
      </c>
      <c r="I70" s="81" t="s">
        <v>368</v>
      </c>
      <c r="J70" s="81">
        <v>555</v>
      </c>
      <c r="K70" s="82">
        <v>78</v>
      </c>
      <c r="L70" s="86">
        <v>48</v>
      </c>
      <c r="M70" s="11">
        <v>555</v>
      </c>
      <c r="N70" s="11">
        <v>82</v>
      </c>
      <c r="O70" s="11" t="s">
        <v>259</v>
      </c>
      <c r="P70" s="11">
        <v>7.22</v>
      </c>
      <c r="Q70" s="11">
        <v>2.6</v>
      </c>
      <c r="R70" s="11">
        <v>8.1</v>
      </c>
      <c r="S70" s="11">
        <v>2.9</v>
      </c>
      <c r="T70" s="11">
        <v>4.95</v>
      </c>
      <c r="U70" s="11">
        <v>6.75</v>
      </c>
      <c r="V70" s="11">
        <v>6.3</v>
      </c>
      <c r="W70" s="11">
        <v>0</v>
      </c>
      <c r="X70" s="11" t="s">
        <v>269</v>
      </c>
      <c r="Y70" s="11" t="s">
        <v>269</v>
      </c>
      <c r="Z70" s="11" t="s">
        <v>269</v>
      </c>
      <c r="AA70" s="11" t="s">
        <v>269</v>
      </c>
      <c r="AB70" s="11" t="s">
        <v>269</v>
      </c>
      <c r="AC70" s="11" t="s">
        <v>269</v>
      </c>
      <c r="AD70" s="11">
        <v>0</v>
      </c>
      <c r="AE70" s="11">
        <v>0</v>
      </c>
      <c r="AF70" s="11" t="s">
        <v>472</v>
      </c>
      <c r="AG70" s="11" t="s">
        <v>472</v>
      </c>
      <c r="AH70" s="11" t="s">
        <v>472</v>
      </c>
      <c r="AI70" s="11" t="s">
        <v>472</v>
      </c>
      <c r="AJ70" s="11" t="s">
        <v>472</v>
      </c>
      <c r="AK70" s="11" t="s">
        <v>472</v>
      </c>
      <c r="AL70" s="11" t="s">
        <v>472</v>
      </c>
      <c r="AM70" s="11">
        <v>0</v>
      </c>
      <c r="AN70" s="83">
        <v>41643.08352</v>
      </c>
      <c r="AO70" s="83">
        <v>139144.89783999999</v>
      </c>
      <c r="AP70" s="83">
        <v>10095.295953000001</v>
      </c>
      <c r="AQ70" s="83">
        <v>59652.642516</v>
      </c>
      <c r="AR70" s="83">
        <v>8833.3853240000008</v>
      </c>
      <c r="AS70" s="83">
        <v>15142.938469000001</v>
      </c>
      <c r="AT70" s="83">
        <v>10399.42</v>
      </c>
      <c r="AU70" s="83">
        <v>0</v>
      </c>
      <c r="AV70" s="11" t="s">
        <v>473</v>
      </c>
      <c r="AW70" s="11">
        <v>0</v>
      </c>
      <c r="AX70" s="11">
        <v>0</v>
      </c>
      <c r="AY70" s="11">
        <v>0</v>
      </c>
      <c r="AZ70" s="11" t="s">
        <v>473</v>
      </c>
      <c r="BA70" s="11" t="s">
        <v>473</v>
      </c>
      <c r="BB70" s="11">
        <v>0</v>
      </c>
      <c r="BC70" s="11">
        <v>0</v>
      </c>
      <c r="BD70" s="83">
        <v>36570</v>
      </c>
      <c r="BE70" s="83">
        <v>0</v>
      </c>
      <c r="BF70" s="83">
        <v>0</v>
      </c>
      <c r="BG70" s="83">
        <v>0</v>
      </c>
      <c r="BH70" s="83">
        <v>12190</v>
      </c>
      <c r="BI70" s="83">
        <v>18285</v>
      </c>
      <c r="BJ70" s="83">
        <v>0</v>
      </c>
      <c r="BK70" s="83">
        <v>0</v>
      </c>
      <c r="BL70" s="11">
        <v>82</v>
      </c>
      <c r="BM70" s="83">
        <v>284911.66362199996</v>
      </c>
      <c r="BN70" s="83">
        <v>0</v>
      </c>
    </row>
    <row r="71" spans="1:66" x14ac:dyDescent="0.3">
      <c r="A71" s="78" t="s">
        <v>163</v>
      </c>
      <c r="B71" s="79">
        <v>48</v>
      </c>
      <c r="C71" s="80"/>
      <c r="D71" t="s">
        <v>475</v>
      </c>
      <c r="E71">
        <v>592</v>
      </c>
      <c r="G71" s="78" t="s">
        <v>163</v>
      </c>
      <c r="H71" s="79">
        <v>48</v>
      </c>
      <c r="I71" s="81" t="s">
        <v>62</v>
      </c>
      <c r="J71" s="81">
        <v>558</v>
      </c>
      <c r="K71" s="82"/>
      <c r="L71">
        <v>48</v>
      </c>
      <c r="M71">
        <v>558</v>
      </c>
      <c r="N71">
        <v>82</v>
      </c>
      <c r="O71" t="s">
        <v>259</v>
      </c>
      <c r="P71">
        <v>19.39</v>
      </c>
      <c r="Q71">
        <v>18.399999999999999</v>
      </c>
      <c r="R71">
        <v>46</v>
      </c>
      <c r="S71">
        <v>0</v>
      </c>
      <c r="T71">
        <v>0</v>
      </c>
      <c r="U71">
        <v>0</v>
      </c>
      <c r="V71">
        <v>0</v>
      </c>
      <c r="W71">
        <v>0</v>
      </c>
      <c r="X71" t="s">
        <v>269</v>
      </c>
      <c r="Y71" t="s">
        <v>269</v>
      </c>
      <c r="Z71" t="s">
        <v>269</v>
      </c>
      <c r="AA71">
        <v>0</v>
      </c>
      <c r="AB71">
        <v>0</v>
      </c>
      <c r="AC71">
        <v>0</v>
      </c>
      <c r="AD71">
        <v>0</v>
      </c>
      <c r="AE71">
        <v>0</v>
      </c>
      <c r="AF71" t="s">
        <v>476</v>
      </c>
      <c r="AG71" t="s">
        <v>476</v>
      </c>
      <c r="AH71" t="s">
        <v>476</v>
      </c>
      <c r="AI71">
        <v>0</v>
      </c>
      <c r="AJ71">
        <v>0</v>
      </c>
      <c r="AK71">
        <v>0</v>
      </c>
      <c r="AL71">
        <v>0</v>
      </c>
      <c r="AM71" s="37">
        <v>0</v>
      </c>
      <c r="AN71" s="37">
        <v>85809.988298000011</v>
      </c>
      <c r="AO71" s="37">
        <v>44166.904778000004</v>
      </c>
      <c r="AP71" s="37">
        <v>0</v>
      </c>
      <c r="AQ71" s="37">
        <v>0</v>
      </c>
      <c r="AR71" s="37">
        <v>0</v>
      </c>
      <c r="AS71" s="37">
        <v>0</v>
      </c>
      <c r="AT71" s="37">
        <v>0</v>
      </c>
      <c r="AU71" s="37">
        <v>0</v>
      </c>
      <c r="AV71" t="s">
        <v>477</v>
      </c>
      <c r="AW71" t="s">
        <v>478</v>
      </c>
      <c r="AX71">
        <v>0</v>
      </c>
      <c r="AY71">
        <v>0</v>
      </c>
      <c r="AZ71">
        <v>0</v>
      </c>
      <c r="BA71">
        <v>0</v>
      </c>
      <c r="BB71">
        <v>0</v>
      </c>
      <c r="BC71" s="37">
        <v>0</v>
      </c>
      <c r="BD71" s="37">
        <v>90241.73</v>
      </c>
      <c r="BE71" s="37">
        <v>83676.5</v>
      </c>
      <c r="BF71" s="37">
        <v>0</v>
      </c>
      <c r="BG71" s="37">
        <v>0</v>
      </c>
      <c r="BH71" s="37">
        <v>0</v>
      </c>
      <c r="BI71" s="37">
        <v>0</v>
      </c>
      <c r="BJ71" s="37">
        <v>0</v>
      </c>
      <c r="BK71" s="37">
        <v>0</v>
      </c>
      <c r="BL71">
        <v>82</v>
      </c>
      <c r="BM71" s="37">
        <v>129976.89307600001</v>
      </c>
      <c r="BN71" s="83">
        <v>173918.22999999998</v>
      </c>
    </row>
    <row r="72" spans="1:66" x14ac:dyDescent="0.3">
      <c r="A72" s="78" t="s">
        <v>85</v>
      </c>
      <c r="B72" s="79">
        <v>49</v>
      </c>
      <c r="C72" s="80"/>
      <c r="D72" t="s">
        <v>479</v>
      </c>
      <c r="E72">
        <v>593</v>
      </c>
      <c r="G72" s="78" t="s">
        <v>85</v>
      </c>
      <c r="H72" s="79">
        <v>49</v>
      </c>
      <c r="I72" s="81" t="s">
        <v>289</v>
      </c>
      <c r="J72" s="81">
        <v>538</v>
      </c>
      <c r="K72" s="82">
        <v>5</v>
      </c>
    </row>
    <row r="73" spans="1:66" x14ac:dyDescent="0.3">
      <c r="A73" s="78" t="s">
        <v>85</v>
      </c>
      <c r="B73" s="79">
        <v>49</v>
      </c>
      <c r="C73" s="80"/>
      <c r="D73" t="s">
        <v>480</v>
      </c>
      <c r="E73">
        <v>594</v>
      </c>
      <c r="G73" s="78" t="s">
        <v>85</v>
      </c>
      <c r="H73" s="79">
        <v>49</v>
      </c>
      <c r="I73" s="81" t="s">
        <v>295</v>
      </c>
      <c r="J73" s="81">
        <v>539</v>
      </c>
      <c r="K73" s="82">
        <v>86</v>
      </c>
    </row>
    <row r="74" spans="1:66" x14ac:dyDescent="0.3">
      <c r="A74" s="78" t="s">
        <v>85</v>
      </c>
      <c r="B74" s="79">
        <v>49</v>
      </c>
      <c r="C74" s="80"/>
      <c r="D74" t="s">
        <v>481</v>
      </c>
      <c r="E74">
        <v>595</v>
      </c>
      <c r="G74" s="78" t="s">
        <v>85</v>
      </c>
      <c r="H74" s="79">
        <v>49</v>
      </c>
      <c r="I74" s="81" t="s">
        <v>322</v>
      </c>
      <c r="J74" s="81">
        <v>722</v>
      </c>
      <c r="K74" s="85">
        <v>3</v>
      </c>
    </row>
    <row r="75" spans="1:66" x14ac:dyDescent="0.3">
      <c r="A75" s="78" t="s">
        <v>85</v>
      </c>
      <c r="B75" s="79">
        <v>49</v>
      </c>
      <c r="C75" s="80"/>
      <c r="D75" t="s">
        <v>482</v>
      </c>
      <c r="E75">
        <v>596</v>
      </c>
      <c r="G75" s="78" t="s">
        <v>85</v>
      </c>
      <c r="H75" s="79">
        <v>49</v>
      </c>
      <c r="I75" s="81" t="s">
        <v>300</v>
      </c>
      <c r="J75" s="81">
        <v>541</v>
      </c>
      <c r="K75" s="82">
        <v>10</v>
      </c>
    </row>
    <row r="76" spans="1:66" x14ac:dyDescent="0.3">
      <c r="A76" s="78" t="s">
        <v>164</v>
      </c>
      <c r="B76" s="80">
        <v>50</v>
      </c>
      <c r="C76" s="80"/>
      <c r="D76" t="s">
        <v>483</v>
      </c>
      <c r="E76">
        <v>597</v>
      </c>
      <c r="G76" s="78" t="s">
        <v>164</v>
      </c>
      <c r="H76" s="80">
        <v>50</v>
      </c>
      <c r="I76" s="81" t="s">
        <v>484</v>
      </c>
      <c r="J76" s="81">
        <v>669</v>
      </c>
      <c r="K76" s="82">
        <v>46</v>
      </c>
      <c r="L76" s="86">
        <v>50</v>
      </c>
      <c r="M76" s="11">
        <v>669</v>
      </c>
      <c r="N76" s="11">
        <v>45</v>
      </c>
      <c r="O76" s="11" t="s">
        <v>259</v>
      </c>
      <c r="P76" s="11">
        <v>3</v>
      </c>
      <c r="Q76" s="11">
        <v>3</v>
      </c>
      <c r="R76" s="11">
        <v>3</v>
      </c>
      <c r="S76" s="11">
        <v>0</v>
      </c>
      <c r="T76" s="11">
        <v>0</v>
      </c>
      <c r="U76" s="11">
        <v>0</v>
      </c>
      <c r="V76" s="11">
        <v>0</v>
      </c>
      <c r="W76" s="11">
        <v>0</v>
      </c>
      <c r="X76" s="11" t="s">
        <v>256</v>
      </c>
      <c r="Y76" s="11" t="s">
        <v>256</v>
      </c>
      <c r="Z76" s="11" t="s">
        <v>485</v>
      </c>
      <c r="AA76" s="11">
        <v>0</v>
      </c>
      <c r="AB76" s="11">
        <v>0</v>
      </c>
      <c r="AC76" s="11">
        <v>0</v>
      </c>
      <c r="AD76" s="11">
        <v>0</v>
      </c>
      <c r="AE76" s="11">
        <v>0</v>
      </c>
      <c r="AF76" s="11" t="s">
        <v>486</v>
      </c>
      <c r="AG76" s="11" t="s">
        <v>486</v>
      </c>
      <c r="AH76" s="11" t="s">
        <v>487</v>
      </c>
      <c r="AI76" s="11">
        <v>0</v>
      </c>
      <c r="AJ76" s="11">
        <v>0</v>
      </c>
      <c r="AK76" s="11">
        <v>0</v>
      </c>
      <c r="AL76" s="11">
        <v>0</v>
      </c>
      <c r="AM76" s="11">
        <v>0</v>
      </c>
      <c r="AN76" s="83">
        <v>21026</v>
      </c>
      <c r="AO76" s="83">
        <v>38110</v>
      </c>
      <c r="AP76" s="83">
        <v>2500</v>
      </c>
      <c r="AQ76" s="83">
        <v>0</v>
      </c>
      <c r="AR76" s="83">
        <v>0</v>
      </c>
      <c r="AS76" s="83">
        <v>0</v>
      </c>
      <c r="AT76" s="83">
        <v>0</v>
      </c>
      <c r="AU76" s="83">
        <v>0</v>
      </c>
      <c r="AV76" s="11">
        <v>0</v>
      </c>
      <c r="AW76" s="11">
        <v>0</v>
      </c>
      <c r="AX76" s="11">
        <v>0</v>
      </c>
      <c r="AY76" s="11">
        <v>0</v>
      </c>
      <c r="AZ76" s="11">
        <v>0</v>
      </c>
      <c r="BA76" s="11">
        <v>0</v>
      </c>
      <c r="BB76" s="11">
        <v>0</v>
      </c>
      <c r="BC76" s="11">
        <v>0</v>
      </c>
      <c r="BD76" s="83">
        <v>0</v>
      </c>
      <c r="BE76" s="83">
        <v>0</v>
      </c>
      <c r="BF76" s="83">
        <v>0</v>
      </c>
      <c r="BG76" s="83">
        <v>0</v>
      </c>
      <c r="BH76" s="83">
        <v>0</v>
      </c>
      <c r="BI76" s="83">
        <v>0</v>
      </c>
      <c r="BJ76" s="83">
        <v>0</v>
      </c>
      <c r="BK76" s="83">
        <v>0</v>
      </c>
      <c r="BL76" s="11">
        <v>45</v>
      </c>
      <c r="BM76" s="83">
        <v>61636</v>
      </c>
      <c r="BN76" s="83">
        <v>0</v>
      </c>
    </row>
    <row r="77" spans="1:66" x14ac:dyDescent="0.3">
      <c r="A77" s="78" t="s">
        <v>164</v>
      </c>
      <c r="B77" s="80">
        <v>50</v>
      </c>
      <c r="C77" s="80"/>
      <c r="D77" t="s">
        <v>488</v>
      </c>
      <c r="E77">
        <v>598</v>
      </c>
      <c r="G77" s="78" t="s">
        <v>164</v>
      </c>
      <c r="H77" s="80">
        <v>50</v>
      </c>
      <c r="I77" s="81" t="s">
        <v>489</v>
      </c>
      <c r="J77" s="81">
        <v>670</v>
      </c>
      <c r="K77" s="82">
        <v>108</v>
      </c>
      <c r="L77" s="86">
        <v>50</v>
      </c>
      <c r="M77" s="11">
        <v>670</v>
      </c>
      <c r="N77" s="11">
        <v>94</v>
      </c>
      <c r="O77" s="11" t="s">
        <v>259</v>
      </c>
      <c r="P77" s="11">
        <v>7</v>
      </c>
      <c r="Q77" s="11">
        <v>14</v>
      </c>
      <c r="R77" s="11">
        <v>14</v>
      </c>
      <c r="S77" s="11">
        <v>0</v>
      </c>
      <c r="T77" s="11">
        <v>0</v>
      </c>
      <c r="U77" s="11">
        <v>0</v>
      </c>
      <c r="V77" s="11">
        <v>0</v>
      </c>
      <c r="W77" s="11">
        <v>0</v>
      </c>
      <c r="X77" s="11" t="s">
        <v>256</v>
      </c>
      <c r="Y77" s="11" t="s">
        <v>256</v>
      </c>
      <c r="Z77" s="11" t="s">
        <v>490</v>
      </c>
      <c r="AA77" s="11">
        <v>0</v>
      </c>
      <c r="AB77" s="11">
        <v>0</v>
      </c>
      <c r="AC77" s="11">
        <v>0</v>
      </c>
      <c r="AD77" s="11">
        <v>0</v>
      </c>
      <c r="AE77" s="11">
        <v>0</v>
      </c>
      <c r="AF77" s="11" t="s">
        <v>491</v>
      </c>
      <c r="AG77" s="11" t="s">
        <v>492</v>
      </c>
      <c r="AH77" s="11" t="s">
        <v>493</v>
      </c>
      <c r="AI77" s="11">
        <v>0</v>
      </c>
      <c r="AJ77" s="11">
        <v>0</v>
      </c>
      <c r="AK77" s="11">
        <v>0</v>
      </c>
      <c r="AL77" s="11">
        <v>0</v>
      </c>
      <c r="AM77" s="11">
        <v>0</v>
      </c>
      <c r="AN77" s="83">
        <v>0</v>
      </c>
      <c r="AO77" s="83">
        <v>0</v>
      </c>
      <c r="AP77" s="83">
        <v>0</v>
      </c>
      <c r="AQ77" s="83">
        <v>0</v>
      </c>
      <c r="AR77" s="83">
        <v>0</v>
      </c>
      <c r="AS77" s="83">
        <v>0</v>
      </c>
      <c r="AT77" s="83">
        <v>0</v>
      </c>
      <c r="AU77" s="83">
        <v>0</v>
      </c>
      <c r="AV77" s="11">
        <v>0</v>
      </c>
      <c r="AW77" s="11">
        <v>0</v>
      </c>
      <c r="AX77" s="11">
        <v>0</v>
      </c>
      <c r="AY77" s="11">
        <v>0</v>
      </c>
      <c r="AZ77" s="11">
        <v>0</v>
      </c>
      <c r="BA77" s="11">
        <v>0</v>
      </c>
      <c r="BB77" s="11">
        <v>0</v>
      </c>
      <c r="BC77" s="11">
        <v>0</v>
      </c>
      <c r="BD77" s="83">
        <v>0</v>
      </c>
      <c r="BE77" s="83">
        <v>0</v>
      </c>
      <c r="BF77" s="83">
        <v>0</v>
      </c>
      <c r="BG77" s="83">
        <v>0</v>
      </c>
      <c r="BH77" s="83">
        <v>0</v>
      </c>
      <c r="BI77" s="83">
        <v>0</v>
      </c>
      <c r="BJ77" s="83">
        <v>0</v>
      </c>
      <c r="BK77" s="83">
        <v>0</v>
      </c>
      <c r="BL77" s="11">
        <v>100</v>
      </c>
      <c r="BM77" s="83">
        <v>0</v>
      </c>
      <c r="BN77" s="83">
        <v>0</v>
      </c>
    </row>
    <row r="78" spans="1:66" x14ac:dyDescent="0.3">
      <c r="A78" s="78" t="s">
        <v>86</v>
      </c>
      <c r="B78" s="80">
        <v>52</v>
      </c>
      <c r="C78" s="80"/>
      <c r="D78" t="s">
        <v>494</v>
      </c>
      <c r="E78">
        <v>599</v>
      </c>
      <c r="G78" s="78" t="s">
        <v>86</v>
      </c>
      <c r="H78" s="80">
        <v>52</v>
      </c>
      <c r="I78" s="81" t="s">
        <v>495</v>
      </c>
      <c r="J78" s="81">
        <v>673</v>
      </c>
      <c r="K78" s="82">
        <v>27</v>
      </c>
      <c r="L78" s="86">
        <v>52</v>
      </c>
      <c r="M78" s="11">
        <v>673</v>
      </c>
      <c r="N78" s="11">
        <v>32</v>
      </c>
      <c r="O78" s="11" t="s">
        <v>259</v>
      </c>
      <c r="P78" s="11">
        <v>12</v>
      </c>
      <c r="Q78" s="11">
        <v>2</v>
      </c>
      <c r="R78" s="11">
        <v>2</v>
      </c>
      <c r="S78" s="11">
        <v>2</v>
      </c>
      <c r="T78" s="11">
        <v>0.5</v>
      </c>
      <c r="U78" s="11">
        <v>0</v>
      </c>
      <c r="V78" s="11">
        <v>0</v>
      </c>
      <c r="W78" s="11">
        <v>0</v>
      </c>
      <c r="X78" s="11" t="s">
        <v>496</v>
      </c>
      <c r="Y78" s="11" t="s">
        <v>256</v>
      </c>
      <c r="Z78" s="11" t="s">
        <v>256</v>
      </c>
      <c r="AA78" s="11" t="s">
        <v>497</v>
      </c>
      <c r="AB78" s="11" t="s">
        <v>380</v>
      </c>
      <c r="AC78" s="11" t="s">
        <v>498</v>
      </c>
      <c r="AD78" s="11">
        <v>0</v>
      </c>
      <c r="AE78" s="11">
        <v>0</v>
      </c>
      <c r="AF78" s="11">
        <v>0</v>
      </c>
      <c r="AG78" s="11">
        <v>0</v>
      </c>
      <c r="AH78" s="11">
        <v>0</v>
      </c>
      <c r="AI78" s="11">
        <v>0</v>
      </c>
      <c r="AJ78" s="11">
        <v>0</v>
      </c>
      <c r="AK78" s="11">
        <v>0</v>
      </c>
      <c r="AL78" s="11">
        <v>0</v>
      </c>
      <c r="AM78" s="11">
        <v>0</v>
      </c>
      <c r="AN78" s="83">
        <v>190000</v>
      </c>
      <c r="AO78" s="83">
        <v>85000</v>
      </c>
      <c r="AP78" s="83">
        <v>0</v>
      </c>
      <c r="AQ78" s="83">
        <v>0</v>
      </c>
      <c r="AR78" s="83">
        <v>0</v>
      </c>
      <c r="AS78" s="83">
        <v>0</v>
      </c>
      <c r="AT78" s="83">
        <v>0</v>
      </c>
      <c r="AU78" s="83">
        <v>0</v>
      </c>
      <c r="AV78" s="11">
        <v>0</v>
      </c>
      <c r="AW78" s="11">
        <v>0</v>
      </c>
      <c r="AX78" s="11">
        <v>0</v>
      </c>
      <c r="AY78" s="11">
        <v>0</v>
      </c>
      <c r="AZ78" s="11">
        <v>0</v>
      </c>
      <c r="BA78" s="11">
        <v>0</v>
      </c>
      <c r="BB78" s="11">
        <v>0</v>
      </c>
      <c r="BC78" s="11">
        <v>0</v>
      </c>
      <c r="BD78" s="83">
        <v>190000</v>
      </c>
      <c r="BE78" s="83">
        <v>85000</v>
      </c>
      <c r="BF78" s="83">
        <v>0</v>
      </c>
      <c r="BG78" s="83">
        <v>0</v>
      </c>
      <c r="BH78" s="83">
        <v>0</v>
      </c>
      <c r="BI78" s="83">
        <v>5000</v>
      </c>
      <c r="BJ78" s="83">
        <v>54000</v>
      </c>
      <c r="BK78" s="83">
        <v>0</v>
      </c>
      <c r="BL78" s="11">
        <v>64</v>
      </c>
      <c r="BM78" s="83">
        <v>275000</v>
      </c>
      <c r="BN78" s="83">
        <v>334000</v>
      </c>
    </row>
    <row r="79" spans="1:66" x14ac:dyDescent="0.3">
      <c r="A79" s="78" t="s">
        <v>87</v>
      </c>
      <c r="B79" s="80">
        <v>53</v>
      </c>
      <c r="C79" s="80"/>
      <c r="D79" t="s">
        <v>499</v>
      </c>
      <c r="E79">
        <v>600</v>
      </c>
      <c r="G79" s="78" t="s">
        <v>87</v>
      </c>
      <c r="H79" s="80">
        <v>53</v>
      </c>
      <c r="I79" s="81" t="s">
        <v>488</v>
      </c>
      <c r="J79" s="81">
        <v>598</v>
      </c>
      <c r="K79" s="82">
        <v>35</v>
      </c>
      <c r="L79" s="86">
        <v>53</v>
      </c>
      <c r="M79" s="11">
        <v>598</v>
      </c>
      <c r="N79" s="11">
        <v>37</v>
      </c>
      <c r="O79" s="11" t="s">
        <v>259</v>
      </c>
      <c r="P79" s="11">
        <v>25</v>
      </c>
      <c r="Q79" s="11">
        <v>32</v>
      </c>
      <c r="R79" s="11">
        <v>0</v>
      </c>
      <c r="S79" s="11">
        <v>0</v>
      </c>
      <c r="T79" s="11">
        <v>0</v>
      </c>
      <c r="U79" s="11">
        <v>0</v>
      </c>
      <c r="V79" s="11">
        <v>0</v>
      </c>
      <c r="W79" s="11">
        <v>0</v>
      </c>
      <c r="X79" s="11" t="s">
        <v>500</v>
      </c>
      <c r="Y79" s="11" t="s">
        <v>501</v>
      </c>
      <c r="Z79" s="11">
        <v>0</v>
      </c>
      <c r="AA79" s="11">
        <v>0</v>
      </c>
      <c r="AB79" s="11">
        <v>0</v>
      </c>
      <c r="AC79" s="11">
        <v>0</v>
      </c>
      <c r="AD79" s="11">
        <v>0</v>
      </c>
      <c r="AE79" s="11">
        <v>0</v>
      </c>
      <c r="AF79" s="11" t="s">
        <v>502</v>
      </c>
      <c r="AG79" s="11" t="s">
        <v>503</v>
      </c>
      <c r="AH79" s="11">
        <v>0</v>
      </c>
      <c r="AI79" s="11">
        <v>0</v>
      </c>
      <c r="AJ79" s="11">
        <v>0</v>
      </c>
      <c r="AK79" s="11">
        <v>0</v>
      </c>
      <c r="AL79" s="11">
        <v>0</v>
      </c>
      <c r="AM79" s="11">
        <v>0</v>
      </c>
      <c r="AN79" s="83">
        <v>14237</v>
      </c>
      <c r="AO79" s="83">
        <v>50935</v>
      </c>
      <c r="AP79" s="83">
        <v>0</v>
      </c>
      <c r="AQ79" s="83">
        <v>0</v>
      </c>
      <c r="AR79" s="83">
        <v>0</v>
      </c>
      <c r="AS79" s="83">
        <v>0</v>
      </c>
      <c r="AT79" s="83">
        <v>0</v>
      </c>
      <c r="AU79" s="83">
        <v>0</v>
      </c>
      <c r="AV79" s="11">
        <v>0</v>
      </c>
      <c r="AW79" s="11">
        <v>0</v>
      </c>
      <c r="AX79" s="11">
        <v>0</v>
      </c>
      <c r="AY79" s="11">
        <v>0</v>
      </c>
      <c r="AZ79" s="11">
        <v>0</v>
      </c>
      <c r="BA79" s="11">
        <v>0</v>
      </c>
      <c r="BB79" s="11">
        <v>0</v>
      </c>
      <c r="BC79" s="11">
        <v>0</v>
      </c>
      <c r="BD79" s="83">
        <v>0</v>
      </c>
      <c r="BE79" s="83">
        <v>0</v>
      </c>
      <c r="BF79" s="83">
        <v>0</v>
      </c>
      <c r="BG79" s="83">
        <v>0</v>
      </c>
      <c r="BH79" s="83">
        <v>0</v>
      </c>
      <c r="BI79" s="83">
        <v>0</v>
      </c>
      <c r="BJ79" s="83">
        <v>0</v>
      </c>
      <c r="BK79" s="83">
        <v>0</v>
      </c>
      <c r="BL79" s="11">
        <v>37</v>
      </c>
      <c r="BM79" s="83">
        <v>65172</v>
      </c>
      <c r="BN79" s="83">
        <v>54425.08</v>
      </c>
    </row>
    <row r="80" spans="1:66" x14ac:dyDescent="0.3">
      <c r="A80" s="78" t="s">
        <v>87</v>
      </c>
      <c r="B80" s="80">
        <v>53</v>
      </c>
      <c r="C80" s="80"/>
      <c r="D80" t="s">
        <v>253</v>
      </c>
      <c r="E80">
        <v>602</v>
      </c>
      <c r="G80" s="78" t="s">
        <v>87</v>
      </c>
      <c r="H80" s="80">
        <v>53</v>
      </c>
      <c r="I80" s="81" t="s">
        <v>482</v>
      </c>
      <c r="J80" s="81">
        <v>596</v>
      </c>
      <c r="K80" s="82">
        <v>66</v>
      </c>
      <c r="L80" s="86">
        <v>53</v>
      </c>
      <c r="M80" s="11">
        <v>596</v>
      </c>
      <c r="N80" s="11">
        <v>60</v>
      </c>
      <c r="O80" s="11" t="s">
        <v>259</v>
      </c>
      <c r="P80" s="11">
        <v>3.7</v>
      </c>
      <c r="Q80" s="11">
        <v>2</v>
      </c>
      <c r="R80" s="11">
        <v>4</v>
      </c>
      <c r="S80" s="11">
        <v>0</v>
      </c>
      <c r="T80" s="11">
        <v>0</v>
      </c>
      <c r="U80" s="11">
        <v>0</v>
      </c>
      <c r="V80" s="11">
        <v>0</v>
      </c>
      <c r="W80" s="11">
        <v>0</v>
      </c>
      <c r="X80" s="11" t="s">
        <v>504</v>
      </c>
      <c r="Y80" s="11" t="s">
        <v>504</v>
      </c>
      <c r="Z80" s="11" t="s">
        <v>504</v>
      </c>
      <c r="AA80" s="11">
        <v>0</v>
      </c>
      <c r="AB80" s="11">
        <v>0</v>
      </c>
      <c r="AC80" s="11">
        <v>0</v>
      </c>
      <c r="AD80" s="11">
        <v>0</v>
      </c>
      <c r="AE80" s="11">
        <v>0</v>
      </c>
      <c r="AF80" s="11">
        <v>0</v>
      </c>
      <c r="AG80" s="11">
        <v>0</v>
      </c>
      <c r="AH80" s="11">
        <v>0</v>
      </c>
      <c r="AI80" s="11">
        <v>0</v>
      </c>
      <c r="AJ80" s="11">
        <v>0</v>
      </c>
      <c r="AK80" s="11">
        <v>0</v>
      </c>
      <c r="AL80" s="11">
        <v>0</v>
      </c>
      <c r="AM80" s="11">
        <v>0</v>
      </c>
      <c r="AN80" s="83">
        <v>0</v>
      </c>
      <c r="AO80" s="83">
        <v>0</v>
      </c>
      <c r="AP80" s="83">
        <v>0</v>
      </c>
      <c r="AQ80" s="83">
        <v>0</v>
      </c>
      <c r="AR80" s="83">
        <v>0</v>
      </c>
      <c r="AS80" s="83">
        <v>0</v>
      </c>
      <c r="AT80" s="83">
        <v>0</v>
      </c>
      <c r="AU80" s="83">
        <v>0</v>
      </c>
      <c r="AV80" s="11" t="s">
        <v>505</v>
      </c>
      <c r="AW80" s="11" t="s">
        <v>506</v>
      </c>
      <c r="AX80" s="11" t="s">
        <v>507</v>
      </c>
      <c r="AY80" s="11">
        <v>0</v>
      </c>
      <c r="AZ80" s="11">
        <v>0</v>
      </c>
      <c r="BA80" s="11">
        <v>0</v>
      </c>
      <c r="BB80" s="11">
        <v>0</v>
      </c>
      <c r="BC80" s="11">
        <v>0</v>
      </c>
      <c r="BD80" s="83">
        <v>4215.1600000000008</v>
      </c>
      <c r="BE80" s="83">
        <v>20920.8</v>
      </c>
      <c r="BF80" s="83">
        <v>29289.120000000003</v>
      </c>
      <c r="BG80" s="83">
        <v>0</v>
      </c>
      <c r="BH80" s="83">
        <v>0</v>
      </c>
      <c r="BI80" s="83">
        <v>0</v>
      </c>
      <c r="BJ80" s="83">
        <v>0</v>
      </c>
      <c r="BK80" s="83">
        <v>0</v>
      </c>
      <c r="BL80" s="11">
        <v>39</v>
      </c>
      <c r="BM80" s="83">
        <v>0</v>
      </c>
      <c r="BN80" s="83">
        <v>0</v>
      </c>
    </row>
    <row r="81" spans="1:66" x14ac:dyDescent="0.3">
      <c r="A81" s="78" t="s">
        <v>87</v>
      </c>
      <c r="B81" s="80">
        <v>53</v>
      </c>
      <c r="C81" s="80"/>
      <c r="D81" t="s">
        <v>255</v>
      </c>
      <c r="E81">
        <v>603</v>
      </c>
      <c r="G81" s="78" t="s">
        <v>87</v>
      </c>
      <c r="H81" s="80">
        <v>53</v>
      </c>
      <c r="I81" s="81" t="s">
        <v>494</v>
      </c>
      <c r="J81" s="81">
        <v>599</v>
      </c>
      <c r="K81" s="82">
        <v>15</v>
      </c>
      <c r="L81" s="86">
        <v>53</v>
      </c>
      <c r="M81" s="11">
        <v>599</v>
      </c>
      <c r="N81" s="11">
        <v>19</v>
      </c>
      <c r="O81" s="11" t="s">
        <v>259</v>
      </c>
      <c r="P81" s="11">
        <v>36</v>
      </c>
      <c r="Q81" s="11">
        <v>29</v>
      </c>
      <c r="R81" s="11">
        <v>0</v>
      </c>
      <c r="S81" s="11">
        <v>0</v>
      </c>
      <c r="T81" s="11">
        <v>0</v>
      </c>
      <c r="U81" s="11">
        <v>0</v>
      </c>
      <c r="V81" s="11">
        <v>0</v>
      </c>
      <c r="W81" s="11">
        <v>0</v>
      </c>
      <c r="X81" s="11" t="s">
        <v>508</v>
      </c>
      <c r="Y81" s="11" t="s">
        <v>508</v>
      </c>
      <c r="Z81" s="11">
        <v>0</v>
      </c>
      <c r="AA81" s="11">
        <v>0</v>
      </c>
      <c r="AB81" s="11">
        <v>0</v>
      </c>
      <c r="AC81" s="11">
        <v>0</v>
      </c>
      <c r="AD81" s="11">
        <v>0</v>
      </c>
      <c r="AE81" s="11">
        <v>0</v>
      </c>
      <c r="AF81" s="11" t="s">
        <v>509</v>
      </c>
      <c r="AG81" s="11" t="s">
        <v>510</v>
      </c>
      <c r="AH81" s="11">
        <v>0</v>
      </c>
      <c r="AI81" s="11">
        <v>0</v>
      </c>
      <c r="AJ81" s="11">
        <v>0</v>
      </c>
      <c r="AK81" s="11">
        <v>0</v>
      </c>
      <c r="AL81" s="11">
        <v>0</v>
      </c>
      <c r="AM81" s="11">
        <v>0</v>
      </c>
      <c r="AN81" s="83">
        <v>21991.57894736842</v>
      </c>
      <c r="AO81" s="83">
        <v>30238.42105263158</v>
      </c>
      <c r="AP81" s="83">
        <v>0</v>
      </c>
      <c r="AQ81" s="83">
        <v>0</v>
      </c>
      <c r="AR81" s="83">
        <v>0</v>
      </c>
      <c r="AS81" s="83">
        <v>0</v>
      </c>
      <c r="AT81" s="83">
        <v>0</v>
      </c>
      <c r="AU81" s="83">
        <v>0</v>
      </c>
      <c r="AV81" s="11">
        <v>0</v>
      </c>
      <c r="AW81" s="11">
        <v>0</v>
      </c>
      <c r="AX81" s="11">
        <v>0</v>
      </c>
      <c r="AY81" s="11">
        <v>0</v>
      </c>
      <c r="AZ81" s="11">
        <v>0</v>
      </c>
      <c r="BA81" s="11">
        <v>0</v>
      </c>
      <c r="BB81" s="11">
        <v>0</v>
      </c>
      <c r="BC81" s="11">
        <v>0</v>
      </c>
      <c r="BD81" s="83">
        <v>0</v>
      </c>
      <c r="BE81" s="83">
        <v>0</v>
      </c>
      <c r="BF81" s="83">
        <v>0</v>
      </c>
      <c r="BG81" s="83">
        <v>0</v>
      </c>
      <c r="BH81" s="83">
        <v>0</v>
      </c>
      <c r="BI81" s="83">
        <v>0</v>
      </c>
      <c r="BJ81" s="83">
        <v>0</v>
      </c>
      <c r="BK81" s="83">
        <v>0</v>
      </c>
      <c r="BL81" s="11">
        <v>19</v>
      </c>
      <c r="BM81" s="83">
        <v>52230</v>
      </c>
      <c r="BN81" s="83">
        <v>13450</v>
      </c>
    </row>
    <row r="82" spans="1:66" x14ac:dyDescent="0.3">
      <c r="A82" s="78" t="s">
        <v>88</v>
      </c>
      <c r="B82" s="80">
        <v>54</v>
      </c>
      <c r="C82" s="80"/>
      <c r="D82" t="s">
        <v>258</v>
      </c>
      <c r="E82">
        <v>604</v>
      </c>
      <c r="G82" s="78" t="s">
        <v>88</v>
      </c>
      <c r="H82" s="80">
        <v>54</v>
      </c>
      <c r="I82" s="81" t="s">
        <v>511</v>
      </c>
      <c r="J82" s="81">
        <v>683</v>
      </c>
      <c r="K82" s="82">
        <v>2</v>
      </c>
      <c r="L82" s="86"/>
      <c r="M82" s="11"/>
      <c r="N82" s="11"/>
      <c r="O82" s="11"/>
      <c r="P82" s="11"/>
      <c r="Q82" s="11"/>
      <c r="R82" s="11"/>
      <c r="S82" s="11"/>
      <c r="T82" s="11"/>
      <c r="U82" s="11"/>
      <c r="V82" s="11"/>
      <c r="W82" s="11"/>
      <c r="X82" s="11"/>
      <c r="Y82" s="11"/>
      <c r="Z82" s="11"/>
      <c r="AA82" s="11"/>
      <c r="AB82" s="11"/>
      <c r="AC82" s="11"/>
      <c r="AD82" s="11"/>
      <c r="AE82" s="11"/>
      <c r="AF82" s="11"/>
      <c r="AG82" s="11"/>
      <c r="AH82" s="11"/>
      <c r="AI82" s="11"/>
      <c r="AJ82" s="11"/>
      <c r="AK82" s="11"/>
      <c r="AL82" s="11"/>
      <c r="AM82" s="11"/>
      <c r="AN82" s="83"/>
      <c r="AO82" s="83"/>
      <c r="AP82" s="83"/>
      <c r="AQ82" s="83"/>
      <c r="AR82" s="83"/>
      <c r="AS82" s="83"/>
      <c r="AT82" s="83"/>
      <c r="AU82" s="83"/>
      <c r="AV82" s="11"/>
      <c r="AW82" s="11"/>
      <c r="AX82" s="11"/>
      <c r="AY82" s="11"/>
      <c r="AZ82" s="11"/>
      <c r="BA82" s="11"/>
      <c r="BB82" s="11"/>
      <c r="BC82" s="11"/>
      <c r="BD82" s="83"/>
      <c r="BE82" s="83"/>
      <c r="BF82" s="83"/>
      <c r="BG82" s="83"/>
      <c r="BH82" s="83"/>
      <c r="BI82" s="83"/>
      <c r="BJ82" s="83"/>
      <c r="BK82" s="83"/>
      <c r="BL82" s="11"/>
      <c r="BM82" s="83"/>
      <c r="BN82" s="83"/>
    </row>
    <row r="83" spans="1:66" x14ac:dyDescent="0.3">
      <c r="A83" s="78" t="s">
        <v>88</v>
      </c>
      <c r="B83" s="80">
        <v>54</v>
      </c>
      <c r="C83" s="80"/>
      <c r="D83" t="s">
        <v>262</v>
      </c>
      <c r="E83">
        <v>605</v>
      </c>
      <c r="G83" s="78" t="s">
        <v>88</v>
      </c>
      <c r="H83" s="80">
        <v>54</v>
      </c>
      <c r="I83" s="81" t="s">
        <v>512</v>
      </c>
      <c r="J83" s="81">
        <v>607</v>
      </c>
      <c r="K83" s="82">
        <v>6</v>
      </c>
      <c r="L83" s="86"/>
      <c r="M83" s="11"/>
      <c r="N83" s="11"/>
      <c r="O83" s="11"/>
      <c r="P83" s="11"/>
      <c r="Q83" s="11"/>
      <c r="R83" s="11"/>
      <c r="S83" s="11"/>
      <c r="T83" s="11"/>
      <c r="U83" s="11"/>
      <c r="V83" s="11"/>
      <c r="W83" s="11"/>
      <c r="X83" s="11"/>
      <c r="Y83" s="11"/>
      <c r="Z83" s="11"/>
      <c r="AA83" s="11"/>
      <c r="AB83" s="11"/>
      <c r="AC83" s="11"/>
      <c r="AD83" s="11"/>
      <c r="AE83" s="11"/>
      <c r="AF83" s="11"/>
      <c r="AG83" s="11"/>
      <c r="AH83" s="11"/>
      <c r="AI83" s="11"/>
      <c r="AJ83" s="11"/>
      <c r="AK83" s="11"/>
      <c r="AL83" s="11"/>
      <c r="AM83" s="11"/>
      <c r="AN83" s="83"/>
      <c r="AO83" s="83"/>
      <c r="AP83" s="83"/>
      <c r="AQ83" s="83"/>
      <c r="AR83" s="83"/>
      <c r="AS83" s="83"/>
      <c r="AT83" s="83"/>
      <c r="AU83" s="83"/>
      <c r="AV83" s="11"/>
      <c r="AW83" s="11"/>
      <c r="AX83" s="11"/>
      <c r="AY83" s="11"/>
      <c r="AZ83" s="11"/>
      <c r="BA83" s="11"/>
      <c r="BB83" s="11"/>
      <c r="BC83" s="11"/>
      <c r="BD83" s="83"/>
      <c r="BE83" s="83"/>
      <c r="BF83" s="83"/>
      <c r="BG83" s="83"/>
      <c r="BH83" s="83"/>
      <c r="BI83" s="83"/>
      <c r="BJ83" s="83"/>
      <c r="BK83" s="83"/>
      <c r="BL83" s="11"/>
      <c r="BM83" s="83"/>
      <c r="BN83" s="83"/>
    </row>
    <row r="84" spans="1:66" x14ac:dyDescent="0.3">
      <c r="A84" s="78" t="s">
        <v>88</v>
      </c>
      <c r="B84" s="80">
        <v>54</v>
      </c>
      <c r="C84" s="80"/>
      <c r="D84" t="s">
        <v>268</v>
      </c>
      <c r="E84">
        <v>606</v>
      </c>
      <c r="G84" s="78" t="s">
        <v>88</v>
      </c>
      <c r="H84" s="80">
        <v>54</v>
      </c>
      <c r="I84" s="81" t="s">
        <v>513</v>
      </c>
      <c r="J84" s="81">
        <v>682</v>
      </c>
      <c r="K84" s="82">
        <v>1</v>
      </c>
      <c r="L84" s="86"/>
      <c r="M84" s="11"/>
      <c r="N84" s="11"/>
      <c r="O84" s="11"/>
      <c r="P84" s="11"/>
      <c r="Q84" s="11"/>
      <c r="R84" s="11"/>
      <c r="S84" s="11"/>
      <c r="T84" s="11"/>
      <c r="U84" s="11"/>
      <c r="V84" s="11"/>
      <c r="W84" s="11"/>
      <c r="X84" s="11"/>
      <c r="Y84" s="11"/>
      <c r="Z84" s="11"/>
      <c r="AA84" s="11"/>
      <c r="AB84" s="11"/>
      <c r="AC84" s="11"/>
      <c r="AD84" s="11"/>
      <c r="AE84" s="11"/>
      <c r="AF84" s="11"/>
      <c r="AG84" s="11"/>
      <c r="AH84" s="11"/>
      <c r="AI84" s="11"/>
      <c r="AJ84" s="11"/>
      <c r="AK84" s="11"/>
      <c r="AL84" s="11"/>
      <c r="AM84" s="11"/>
      <c r="AN84" s="83"/>
      <c r="AO84" s="83"/>
      <c r="AP84" s="83"/>
      <c r="AQ84" s="83"/>
      <c r="AR84" s="83"/>
      <c r="AS84" s="83"/>
      <c r="AT84" s="83"/>
      <c r="AU84" s="83"/>
      <c r="AV84" s="11"/>
      <c r="AW84" s="11"/>
      <c r="AX84" s="11"/>
      <c r="AY84" s="11"/>
      <c r="AZ84" s="11"/>
      <c r="BA84" s="11"/>
      <c r="BB84" s="11"/>
      <c r="BC84" s="11"/>
      <c r="BD84" s="83"/>
      <c r="BE84" s="83"/>
      <c r="BF84" s="83"/>
      <c r="BG84" s="83"/>
      <c r="BH84" s="83"/>
      <c r="BI84" s="83"/>
      <c r="BJ84" s="83"/>
      <c r="BK84" s="83"/>
      <c r="BL84" s="11"/>
      <c r="BM84" s="83"/>
      <c r="BN84" s="83"/>
    </row>
    <row r="85" spans="1:66" x14ac:dyDescent="0.3">
      <c r="A85" s="78" t="s">
        <v>88</v>
      </c>
      <c r="B85" s="80">
        <v>54</v>
      </c>
      <c r="C85" s="80"/>
      <c r="D85" t="s">
        <v>268</v>
      </c>
      <c r="E85">
        <v>606</v>
      </c>
      <c r="G85" s="78" t="s">
        <v>88</v>
      </c>
      <c r="H85" s="80">
        <v>54</v>
      </c>
      <c r="I85" s="81" t="s">
        <v>254</v>
      </c>
      <c r="J85" s="81">
        <v>530</v>
      </c>
      <c r="K85" s="82">
        <v>70</v>
      </c>
      <c r="L85" s="86">
        <v>54</v>
      </c>
      <c r="M85" s="11">
        <v>530</v>
      </c>
      <c r="N85" s="11">
        <v>70</v>
      </c>
      <c r="O85" s="11" t="s">
        <v>259</v>
      </c>
      <c r="P85" s="11">
        <v>34</v>
      </c>
      <c r="Q85" s="11">
        <v>35</v>
      </c>
      <c r="R85" s="11">
        <v>35</v>
      </c>
      <c r="S85" s="11">
        <v>34</v>
      </c>
      <c r="T85" s="11">
        <v>0</v>
      </c>
      <c r="U85" s="11">
        <v>0</v>
      </c>
      <c r="V85" s="11">
        <v>0</v>
      </c>
      <c r="W85" s="11">
        <v>0</v>
      </c>
      <c r="X85" s="11" t="s">
        <v>256</v>
      </c>
      <c r="Y85" s="11" t="s">
        <v>256</v>
      </c>
      <c r="Z85" s="11" t="s">
        <v>256</v>
      </c>
      <c r="AA85" s="11" t="s">
        <v>256</v>
      </c>
      <c r="AB85" s="11">
        <v>0</v>
      </c>
      <c r="AC85" s="11">
        <v>0</v>
      </c>
      <c r="AD85" s="11">
        <v>0</v>
      </c>
      <c r="AE85" s="11">
        <v>0</v>
      </c>
      <c r="AF85" s="11" t="s">
        <v>514</v>
      </c>
      <c r="AG85" s="11" t="s">
        <v>514</v>
      </c>
      <c r="AH85" s="11" t="s">
        <v>514</v>
      </c>
      <c r="AI85" s="11" t="s">
        <v>514</v>
      </c>
      <c r="AJ85" s="11">
        <v>0</v>
      </c>
      <c r="AK85" s="11">
        <v>0</v>
      </c>
      <c r="AL85" s="11">
        <v>0</v>
      </c>
      <c r="AM85" s="11">
        <v>0</v>
      </c>
      <c r="AN85" s="83">
        <v>67520.228571428568</v>
      </c>
      <c r="AO85" s="83">
        <v>43888.148571428574</v>
      </c>
      <c r="AP85" s="83">
        <v>1688.0057142857142</v>
      </c>
      <c r="AQ85" s="83">
        <v>5064.017142857143</v>
      </c>
      <c r="AR85" s="83">
        <v>0</v>
      </c>
      <c r="AS85" s="83">
        <v>0</v>
      </c>
      <c r="AT85" s="83">
        <v>0</v>
      </c>
      <c r="AU85" s="83">
        <v>0</v>
      </c>
      <c r="AV85" s="11" t="s">
        <v>515</v>
      </c>
      <c r="AW85" s="11" t="s">
        <v>515</v>
      </c>
      <c r="AX85" s="11" t="s">
        <v>515</v>
      </c>
      <c r="AY85" s="11" t="s">
        <v>515</v>
      </c>
      <c r="AZ85" s="11">
        <v>0</v>
      </c>
      <c r="BA85" s="11">
        <v>0</v>
      </c>
      <c r="BB85" s="11">
        <v>0</v>
      </c>
      <c r="BC85" s="11">
        <v>0</v>
      </c>
      <c r="BD85" s="83">
        <v>48834.857142857138</v>
      </c>
      <c r="BE85" s="83">
        <v>31742.657142857144</v>
      </c>
      <c r="BF85" s="83">
        <v>1220.8714285714286</v>
      </c>
      <c r="BG85" s="83">
        <v>3662.6142857142859</v>
      </c>
      <c r="BH85" s="83">
        <v>0</v>
      </c>
      <c r="BI85" s="83">
        <v>0</v>
      </c>
      <c r="BJ85" s="83">
        <v>0</v>
      </c>
      <c r="BK85" s="83">
        <v>0</v>
      </c>
      <c r="BL85" s="11">
        <v>70</v>
      </c>
      <c r="BM85" s="83">
        <v>118160.40000000001</v>
      </c>
      <c r="BN85" s="83">
        <v>85460.999999999985</v>
      </c>
    </row>
    <row r="86" spans="1:66" x14ac:dyDescent="0.3">
      <c r="A86" s="78" t="s">
        <v>89</v>
      </c>
      <c r="B86" s="80">
        <v>57</v>
      </c>
      <c r="C86" s="80"/>
      <c r="D86" t="s">
        <v>512</v>
      </c>
      <c r="E86">
        <v>607</v>
      </c>
      <c r="G86" s="78" t="s">
        <v>89</v>
      </c>
      <c r="H86" s="80">
        <v>57</v>
      </c>
      <c r="I86" s="81" t="s">
        <v>159</v>
      </c>
      <c r="J86" s="81">
        <v>1116</v>
      </c>
      <c r="K86" s="82">
        <v>1</v>
      </c>
      <c r="L86" s="86"/>
      <c r="M86" s="11"/>
      <c r="N86" s="11"/>
      <c r="O86" s="11"/>
      <c r="P86" s="11"/>
      <c r="Q86" s="11"/>
      <c r="R86" s="11"/>
      <c r="S86" s="11"/>
      <c r="T86" s="11"/>
      <c r="U86" s="11"/>
      <c r="V86" s="11"/>
      <c r="W86" s="11"/>
      <c r="X86" s="11"/>
      <c r="Y86" s="11"/>
      <c r="Z86" s="11"/>
      <c r="AA86" s="11"/>
      <c r="AB86" s="11"/>
      <c r="AC86" s="11"/>
      <c r="AD86" s="11"/>
      <c r="AE86" s="11"/>
      <c r="AF86" s="11"/>
      <c r="AG86" s="11"/>
      <c r="AH86" s="11"/>
      <c r="AI86" s="11"/>
      <c r="AJ86" s="11"/>
      <c r="AK86" s="11"/>
      <c r="AL86" s="11"/>
      <c r="AM86" s="11"/>
      <c r="AN86" s="83"/>
      <c r="AO86" s="83"/>
      <c r="AP86" s="83"/>
      <c r="AQ86" s="83"/>
      <c r="AR86" s="83"/>
      <c r="AS86" s="83"/>
      <c r="AT86" s="83"/>
      <c r="AU86" s="83"/>
      <c r="AV86" s="11"/>
      <c r="AW86" s="11"/>
      <c r="AX86" s="11"/>
      <c r="AY86" s="11"/>
      <c r="AZ86" s="11"/>
      <c r="BA86" s="11"/>
      <c r="BB86" s="11"/>
      <c r="BC86" s="11"/>
      <c r="BD86" s="83"/>
      <c r="BE86" s="83"/>
      <c r="BF86" s="83"/>
      <c r="BG86" s="83"/>
      <c r="BH86" s="83"/>
      <c r="BI86" s="83"/>
      <c r="BJ86" s="83"/>
      <c r="BK86" s="83"/>
      <c r="BL86" s="11"/>
      <c r="BM86" s="83"/>
      <c r="BN86" s="83"/>
    </row>
    <row r="87" spans="1:66" x14ac:dyDescent="0.3">
      <c r="A87" s="78" t="s">
        <v>89</v>
      </c>
      <c r="B87" s="80">
        <v>57</v>
      </c>
      <c r="C87" s="80"/>
      <c r="D87" t="s">
        <v>512</v>
      </c>
      <c r="E87">
        <v>607</v>
      </c>
      <c r="G87" s="78" t="s">
        <v>89</v>
      </c>
      <c r="H87" s="80">
        <v>57</v>
      </c>
      <c r="I87" s="81" t="s">
        <v>516</v>
      </c>
      <c r="J87" s="81">
        <v>611</v>
      </c>
      <c r="K87" s="82">
        <v>21</v>
      </c>
      <c r="L87" s="86">
        <v>57</v>
      </c>
      <c r="M87" s="11">
        <v>611</v>
      </c>
      <c r="N87" s="11">
        <v>21</v>
      </c>
      <c r="O87" s="11" t="s">
        <v>259</v>
      </c>
      <c r="P87" s="11">
        <v>23.05</v>
      </c>
      <c r="Q87" s="11">
        <v>25.28</v>
      </c>
      <c r="R87" s="11">
        <v>15.71</v>
      </c>
      <c r="S87" s="11">
        <v>16.920000000000002</v>
      </c>
      <c r="T87" s="11">
        <v>16.920000000000002</v>
      </c>
      <c r="U87" s="11">
        <v>15.71</v>
      </c>
      <c r="V87" s="11">
        <v>21.17</v>
      </c>
      <c r="W87" s="11">
        <v>0</v>
      </c>
      <c r="X87" s="11" t="s">
        <v>517</v>
      </c>
      <c r="Y87" s="11" t="s">
        <v>256</v>
      </c>
      <c r="Z87" s="11" t="s">
        <v>256</v>
      </c>
      <c r="AA87" s="11" t="s">
        <v>256</v>
      </c>
      <c r="AB87" s="11" t="s">
        <v>518</v>
      </c>
      <c r="AC87" s="11" t="s">
        <v>256</v>
      </c>
      <c r="AD87" s="11">
        <v>0</v>
      </c>
      <c r="AE87" s="11">
        <v>0</v>
      </c>
      <c r="AF87" s="11" t="s">
        <v>519</v>
      </c>
      <c r="AG87" s="11" t="s">
        <v>520</v>
      </c>
      <c r="AH87" s="11" t="s">
        <v>520</v>
      </c>
      <c r="AI87" s="11" t="s">
        <v>520</v>
      </c>
      <c r="AJ87" s="11" t="s">
        <v>521</v>
      </c>
      <c r="AK87" s="11" t="s">
        <v>520</v>
      </c>
      <c r="AL87" s="11" t="s">
        <v>519</v>
      </c>
      <c r="AM87" s="11">
        <v>0</v>
      </c>
      <c r="AN87" s="83">
        <v>0</v>
      </c>
      <c r="AO87" s="83">
        <v>11075</v>
      </c>
      <c r="AP87" s="83">
        <v>1048</v>
      </c>
      <c r="AQ87" s="83">
        <v>2509</v>
      </c>
      <c r="AR87" s="83">
        <v>4500</v>
      </c>
      <c r="AS87" s="83">
        <v>7338</v>
      </c>
      <c r="AT87" s="83">
        <v>0</v>
      </c>
      <c r="AU87" s="83">
        <v>0</v>
      </c>
      <c r="AV87" s="11" t="s">
        <v>522</v>
      </c>
      <c r="AW87" s="11">
        <v>0</v>
      </c>
      <c r="AX87" s="11">
        <v>0</v>
      </c>
      <c r="AY87" s="11">
        <v>0</v>
      </c>
      <c r="AZ87" s="11" t="s">
        <v>523</v>
      </c>
      <c r="BA87" s="11">
        <v>0</v>
      </c>
      <c r="BB87" s="11" t="s">
        <v>524</v>
      </c>
      <c r="BC87" s="11">
        <v>0</v>
      </c>
      <c r="BD87" s="83">
        <v>1384</v>
      </c>
      <c r="BE87" s="83">
        <v>0</v>
      </c>
      <c r="BF87" s="83">
        <v>0</v>
      </c>
      <c r="BG87" s="83">
        <v>0</v>
      </c>
      <c r="BH87" s="83">
        <v>19226</v>
      </c>
      <c r="BI87" s="83">
        <v>0</v>
      </c>
      <c r="BJ87" s="83">
        <v>2250</v>
      </c>
      <c r="BK87" s="83">
        <v>0</v>
      </c>
      <c r="BL87" s="11">
        <v>21</v>
      </c>
      <c r="BM87" s="83">
        <v>26470</v>
      </c>
      <c r="BN87" s="83">
        <v>22860</v>
      </c>
    </row>
    <row r="88" spans="1:66" x14ac:dyDescent="0.3">
      <c r="A88" s="78" t="s">
        <v>89</v>
      </c>
      <c r="B88" s="80">
        <v>57</v>
      </c>
      <c r="C88" s="80"/>
      <c r="D88" t="s">
        <v>285</v>
      </c>
      <c r="E88">
        <v>608</v>
      </c>
      <c r="G88" s="78" t="s">
        <v>89</v>
      </c>
      <c r="H88" s="80">
        <v>57</v>
      </c>
      <c r="I88" s="81" t="s">
        <v>525</v>
      </c>
      <c r="J88" s="81">
        <v>618</v>
      </c>
      <c r="K88" s="82">
        <v>20</v>
      </c>
      <c r="L88" s="86">
        <v>57</v>
      </c>
      <c r="M88" s="11">
        <v>618</v>
      </c>
      <c r="N88" s="11">
        <v>16</v>
      </c>
      <c r="O88" s="11" t="s">
        <v>259</v>
      </c>
      <c r="P88" s="11">
        <v>49.3</v>
      </c>
      <c r="Q88" s="11">
        <v>49.3</v>
      </c>
      <c r="R88" s="11">
        <v>0</v>
      </c>
      <c r="S88" s="11">
        <v>0</v>
      </c>
      <c r="T88" s="11">
        <v>0</v>
      </c>
      <c r="U88" s="11">
        <v>0</v>
      </c>
      <c r="V88" s="11">
        <v>0</v>
      </c>
      <c r="W88" s="11">
        <v>0</v>
      </c>
      <c r="X88" s="11" t="s">
        <v>256</v>
      </c>
      <c r="Y88" s="11" t="s">
        <v>256</v>
      </c>
      <c r="Z88" s="11">
        <v>0</v>
      </c>
      <c r="AA88" s="11">
        <v>0</v>
      </c>
      <c r="AB88" s="11">
        <v>0</v>
      </c>
      <c r="AC88" s="11">
        <v>0</v>
      </c>
      <c r="AD88" s="11">
        <v>0</v>
      </c>
      <c r="AE88" s="11">
        <v>0</v>
      </c>
      <c r="AF88" s="11" t="s">
        <v>526</v>
      </c>
      <c r="AG88" s="11" t="s">
        <v>527</v>
      </c>
      <c r="AH88" s="11">
        <v>0</v>
      </c>
      <c r="AI88" s="11">
        <v>0</v>
      </c>
      <c r="AJ88" s="11">
        <v>0</v>
      </c>
      <c r="AK88" s="11">
        <v>0</v>
      </c>
      <c r="AL88" s="11">
        <v>0</v>
      </c>
      <c r="AM88" s="11">
        <v>0</v>
      </c>
      <c r="AN88" s="83">
        <v>0</v>
      </c>
      <c r="AO88" s="83" t="s">
        <v>528</v>
      </c>
      <c r="AP88" s="83">
        <v>0</v>
      </c>
      <c r="AQ88" s="83">
        <v>0</v>
      </c>
      <c r="AR88" s="83">
        <v>0</v>
      </c>
      <c r="AS88" s="83">
        <v>0</v>
      </c>
      <c r="AT88" s="83">
        <v>0</v>
      </c>
      <c r="AU88" s="83">
        <v>0</v>
      </c>
      <c r="AV88" s="11" t="s">
        <v>529</v>
      </c>
      <c r="AW88" s="11" t="s">
        <v>529</v>
      </c>
      <c r="AX88" s="11">
        <v>0</v>
      </c>
      <c r="AY88" s="11">
        <v>0</v>
      </c>
      <c r="AZ88" s="11">
        <v>0</v>
      </c>
      <c r="BA88" s="11">
        <v>0</v>
      </c>
      <c r="BB88" s="11">
        <v>0</v>
      </c>
      <c r="BC88" s="11">
        <v>0</v>
      </c>
      <c r="BD88" s="83">
        <v>121404</v>
      </c>
      <c r="BE88" s="83">
        <v>0</v>
      </c>
      <c r="BF88" s="83">
        <v>0</v>
      </c>
      <c r="BG88" s="83">
        <v>0</v>
      </c>
      <c r="BH88" s="83">
        <v>0</v>
      </c>
      <c r="BI88" s="83">
        <v>0</v>
      </c>
      <c r="BJ88" s="83">
        <v>0</v>
      </c>
      <c r="BK88" s="83">
        <v>0</v>
      </c>
      <c r="BL88" s="11">
        <v>0</v>
      </c>
      <c r="BM88" s="83">
        <v>0</v>
      </c>
      <c r="BN88" s="83">
        <v>121404</v>
      </c>
    </row>
    <row r="89" spans="1:66" x14ac:dyDescent="0.3">
      <c r="A89" s="78" t="s">
        <v>89</v>
      </c>
      <c r="B89" s="80">
        <v>57</v>
      </c>
      <c r="C89" s="80"/>
      <c r="D89" t="s">
        <v>285</v>
      </c>
      <c r="E89">
        <v>608</v>
      </c>
      <c r="G89" s="78" t="s">
        <v>89</v>
      </c>
      <c r="H89" s="80">
        <v>57</v>
      </c>
      <c r="I89" s="81" t="s">
        <v>285</v>
      </c>
      <c r="J89" s="81">
        <v>608</v>
      </c>
      <c r="K89" s="82">
        <v>15</v>
      </c>
      <c r="L89" s="86">
        <v>57</v>
      </c>
      <c r="M89" s="11">
        <v>608</v>
      </c>
      <c r="N89" s="11">
        <v>15</v>
      </c>
      <c r="O89" s="11" t="s">
        <v>259</v>
      </c>
      <c r="P89" s="11" t="s">
        <v>530</v>
      </c>
      <c r="Q89" s="11" t="s">
        <v>530</v>
      </c>
      <c r="R89" s="11" t="s">
        <v>530</v>
      </c>
      <c r="S89" s="11" t="s">
        <v>530</v>
      </c>
      <c r="T89" s="11" t="s">
        <v>530</v>
      </c>
      <c r="U89" s="11" t="s">
        <v>530</v>
      </c>
      <c r="V89" s="11" t="s">
        <v>530</v>
      </c>
      <c r="W89" s="11">
        <v>0</v>
      </c>
      <c r="X89" s="11" t="s">
        <v>445</v>
      </c>
      <c r="Y89" s="11" t="s">
        <v>445</v>
      </c>
      <c r="Z89" s="11" t="s">
        <v>445</v>
      </c>
      <c r="AA89" s="11" t="s">
        <v>445</v>
      </c>
      <c r="AB89" s="11" t="s">
        <v>445</v>
      </c>
      <c r="AC89" s="11" t="s">
        <v>445</v>
      </c>
      <c r="AD89" s="11">
        <v>0</v>
      </c>
      <c r="AE89" s="11">
        <v>0</v>
      </c>
      <c r="AF89" s="11" t="s">
        <v>531</v>
      </c>
      <c r="AG89" s="11" t="s">
        <v>531</v>
      </c>
      <c r="AH89" s="11" t="s">
        <v>531</v>
      </c>
      <c r="AI89" s="11" t="s">
        <v>531</v>
      </c>
      <c r="AJ89" s="11" t="s">
        <v>531</v>
      </c>
      <c r="AK89" s="11" t="s">
        <v>531</v>
      </c>
      <c r="AL89" s="11" t="s">
        <v>531</v>
      </c>
      <c r="AM89" s="11">
        <v>0</v>
      </c>
      <c r="AN89" s="83">
        <v>0</v>
      </c>
      <c r="AO89" s="83">
        <v>0</v>
      </c>
      <c r="AP89" s="83">
        <v>0</v>
      </c>
      <c r="AQ89" s="83">
        <v>0</v>
      </c>
      <c r="AR89" s="83">
        <v>0</v>
      </c>
      <c r="AS89" s="83">
        <v>0</v>
      </c>
      <c r="AT89" s="83">
        <v>0</v>
      </c>
      <c r="AU89" s="83">
        <v>0</v>
      </c>
      <c r="AV89" s="11" t="s">
        <v>532</v>
      </c>
      <c r="AW89" s="11" t="s">
        <v>532</v>
      </c>
      <c r="AX89" s="11" t="s">
        <v>532</v>
      </c>
      <c r="AY89" s="11" t="s">
        <v>532</v>
      </c>
      <c r="AZ89" s="11" t="s">
        <v>532</v>
      </c>
      <c r="BA89" s="11" t="s">
        <v>532</v>
      </c>
      <c r="BB89" s="11" t="s">
        <v>532</v>
      </c>
      <c r="BC89" s="11">
        <v>0</v>
      </c>
      <c r="BD89" s="83">
        <v>2160</v>
      </c>
      <c r="BE89" s="83">
        <v>1620</v>
      </c>
      <c r="BF89" s="83">
        <v>1620</v>
      </c>
      <c r="BG89" s="83">
        <v>540</v>
      </c>
      <c r="BH89" s="83">
        <v>540</v>
      </c>
      <c r="BI89" s="83">
        <v>1080</v>
      </c>
      <c r="BJ89" s="83">
        <v>540</v>
      </c>
      <c r="BK89" s="83">
        <v>0</v>
      </c>
      <c r="BL89" s="11">
        <v>15</v>
      </c>
      <c r="BM89" s="83">
        <v>0</v>
      </c>
      <c r="BN89" s="83">
        <v>8100</v>
      </c>
    </row>
    <row r="90" spans="1:66" x14ac:dyDescent="0.3">
      <c r="A90" s="78" t="s">
        <v>89</v>
      </c>
      <c r="B90" s="80">
        <v>57</v>
      </c>
      <c r="C90" s="80"/>
      <c r="D90" t="s">
        <v>285</v>
      </c>
      <c r="E90">
        <v>608</v>
      </c>
      <c r="G90" s="78" t="s">
        <v>89</v>
      </c>
      <c r="H90" s="80">
        <v>57</v>
      </c>
      <c r="I90" s="81" t="s">
        <v>307</v>
      </c>
      <c r="J90" s="81">
        <v>712</v>
      </c>
      <c r="K90" s="82">
        <v>3</v>
      </c>
      <c r="L90" s="86"/>
      <c r="M90" s="11"/>
      <c r="N90" s="11"/>
      <c r="O90" s="11"/>
      <c r="P90" s="11"/>
      <c r="Q90" s="11"/>
      <c r="R90" s="11"/>
      <c r="S90" s="11"/>
      <c r="T90" s="11"/>
      <c r="U90" s="11"/>
      <c r="V90" s="11"/>
      <c r="W90" s="11"/>
      <c r="X90" s="11"/>
      <c r="Y90" s="11"/>
      <c r="Z90" s="11"/>
      <c r="AA90" s="11"/>
      <c r="AB90" s="11"/>
      <c r="AC90" s="11"/>
      <c r="AD90" s="11"/>
      <c r="AE90" s="11"/>
      <c r="AF90" s="11"/>
      <c r="AG90" s="11"/>
      <c r="AH90" s="11"/>
      <c r="AI90" s="11"/>
      <c r="AJ90" s="11"/>
      <c r="AK90" s="11"/>
      <c r="AL90" s="11"/>
      <c r="AM90" s="11"/>
      <c r="AN90" s="83"/>
      <c r="AO90" s="83"/>
      <c r="AP90" s="83"/>
      <c r="AQ90" s="83"/>
      <c r="AR90" s="83"/>
      <c r="AS90" s="83"/>
      <c r="AT90" s="83"/>
      <c r="AU90" s="83"/>
      <c r="AV90" s="11"/>
      <c r="AW90" s="11"/>
      <c r="AX90" s="11"/>
      <c r="AY90" s="11"/>
      <c r="AZ90" s="11"/>
      <c r="BA90" s="11"/>
      <c r="BB90" s="11"/>
      <c r="BC90" s="11"/>
      <c r="BD90" s="83"/>
      <c r="BE90" s="83"/>
      <c r="BF90" s="83"/>
      <c r="BG90" s="83"/>
      <c r="BH90" s="83"/>
      <c r="BI90" s="83"/>
      <c r="BJ90" s="83"/>
      <c r="BK90" s="83"/>
      <c r="BL90" s="11"/>
      <c r="BM90" s="83"/>
      <c r="BN90" s="83"/>
    </row>
    <row r="91" spans="1:66" x14ac:dyDescent="0.3">
      <c r="A91" s="78" t="s">
        <v>89</v>
      </c>
      <c r="B91" s="80">
        <v>57</v>
      </c>
      <c r="C91" s="80"/>
      <c r="D91" t="s">
        <v>285</v>
      </c>
      <c r="E91">
        <v>608</v>
      </c>
      <c r="G91" s="78" t="s">
        <v>89</v>
      </c>
      <c r="H91" s="80">
        <v>57</v>
      </c>
      <c r="I91" s="81" t="s">
        <v>322</v>
      </c>
      <c r="J91" s="81">
        <v>722</v>
      </c>
      <c r="K91" s="82">
        <v>10</v>
      </c>
      <c r="L91" s="86"/>
      <c r="M91" s="11"/>
      <c r="N91" s="11"/>
      <c r="O91" s="11"/>
      <c r="P91" s="11"/>
      <c r="Q91" s="11"/>
      <c r="R91" s="11"/>
      <c r="S91" s="11"/>
      <c r="T91" s="11"/>
      <c r="U91" s="11"/>
      <c r="V91" s="11"/>
      <c r="W91" s="11"/>
      <c r="X91" s="11"/>
      <c r="Y91" s="11"/>
      <c r="Z91" s="11"/>
      <c r="AA91" s="11"/>
      <c r="AB91" s="11"/>
      <c r="AC91" s="11"/>
      <c r="AD91" s="11"/>
      <c r="AE91" s="11"/>
      <c r="AF91" s="11"/>
      <c r="AG91" s="11"/>
      <c r="AH91" s="11"/>
      <c r="AI91" s="11"/>
      <c r="AJ91" s="11"/>
      <c r="AK91" s="11"/>
      <c r="AL91" s="11"/>
      <c r="AM91" s="11"/>
      <c r="AN91" s="83"/>
      <c r="AO91" s="83"/>
      <c r="AP91" s="83"/>
      <c r="AQ91" s="83"/>
      <c r="AR91" s="83"/>
      <c r="AS91" s="83"/>
      <c r="AT91" s="83"/>
      <c r="AU91" s="83"/>
      <c r="AV91" s="11"/>
      <c r="AW91" s="11"/>
      <c r="AX91" s="11"/>
      <c r="AY91" s="11"/>
      <c r="AZ91" s="11"/>
      <c r="BA91" s="11"/>
      <c r="BB91" s="11"/>
      <c r="BC91" s="11"/>
      <c r="BD91" s="83"/>
      <c r="BE91" s="83"/>
      <c r="BF91" s="83"/>
      <c r="BG91" s="83"/>
      <c r="BH91" s="83"/>
      <c r="BI91" s="83"/>
      <c r="BJ91" s="83"/>
      <c r="BK91" s="83"/>
      <c r="BL91" s="11"/>
      <c r="BM91" s="83"/>
      <c r="BN91" s="83"/>
    </row>
    <row r="92" spans="1:66" x14ac:dyDescent="0.3">
      <c r="A92" s="78" t="s">
        <v>89</v>
      </c>
      <c r="B92" s="80">
        <v>57</v>
      </c>
      <c r="C92" s="80"/>
      <c r="D92" t="s">
        <v>516</v>
      </c>
      <c r="E92">
        <v>611</v>
      </c>
      <c r="G92" s="78" t="s">
        <v>89</v>
      </c>
      <c r="H92" s="80">
        <v>57</v>
      </c>
      <c r="I92" s="81" t="s">
        <v>533</v>
      </c>
      <c r="J92" s="81">
        <v>728</v>
      </c>
      <c r="K92" s="82">
        <v>1</v>
      </c>
      <c r="L92" s="86"/>
      <c r="M92" s="11"/>
      <c r="N92" s="11"/>
      <c r="O92" s="11"/>
      <c r="P92" s="11"/>
      <c r="Q92" s="11"/>
      <c r="R92" s="11"/>
      <c r="S92" s="11"/>
      <c r="T92" s="11"/>
      <c r="U92" s="11"/>
      <c r="V92" s="11"/>
      <c r="W92" s="11"/>
      <c r="X92" s="11"/>
      <c r="Y92" s="11"/>
      <c r="Z92" s="11"/>
      <c r="AA92" s="11"/>
      <c r="AB92" s="11"/>
      <c r="AC92" s="11"/>
      <c r="AD92" s="11"/>
      <c r="AE92" s="11"/>
      <c r="AF92" s="11"/>
      <c r="AG92" s="11"/>
      <c r="AH92" s="11"/>
      <c r="AI92" s="11"/>
      <c r="AJ92" s="11"/>
      <c r="AK92" s="11"/>
      <c r="AL92" s="11"/>
      <c r="AM92" s="11"/>
      <c r="AN92" s="83"/>
      <c r="AO92" s="83"/>
      <c r="AP92" s="83"/>
      <c r="AQ92" s="83"/>
      <c r="AR92" s="83"/>
      <c r="AS92" s="83"/>
      <c r="AT92" s="83"/>
      <c r="AU92" s="83"/>
      <c r="AV92" s="11"/>
      <c r="AW92" s="11"/>
      <c r="AX92" s="11"/>
      <c r="AY92" s="11"/>
      <c r="AZ92" s="11"/>
      <c r="BA92" s="11"/>
      <c r="BB92" s="11"/>
      <c r="BC92" s="11"/>
      <c r="BD92" s="83"/>
      <c r="BE92" s="83"/>
      <c r="BF92" s="83"/>
      <c r="BG92" s="83"/>
      <c r="BH92" s="83"/>
      <c r="BI92" s="83"/>
      <c r="BJ92" s="83"/>
      <c r="BK92" s="83"/>
      <c r="BL92" s="11"/>
      <c r="BM92" s="83"/>
      <c r="BN92" s="83"/>
    </row>
    <row r="93" spans="1:66" x14ac:dyDescent="0.3">
      <c r="A93" s="78" t="s">
        <v>90</v>
      </c>
      <c r="B93" s="79">
        <v>58</v>
      </c>
      <c r="C93" s="80"/>
      <c r="D93" t="s">
        <v>534</v>
      </c>
      <c r="E93">
        <v>612</v>
      </c>
      <c r="G93" s="78" t="s">
        <v>90</v>
      </c>
      <c r="H93" s="79">
        <v>58</v>
      </c>
      <c r="I93" s="81" t="s">
        <v>535</v>
      </c>
      <c r="J93" s="81">
        <v>693</v>
      </c>
      <c r="K93" s="82">
        <v>46</v>
      </c>
      <c r="L93" s="86">
        <v>58</v>
      </c>
      <c r="M93" s="11">
        <v>693</v>
      </c>
      <c r="N93" s="11">
        <v>50</v>
      </c>
      <c r="O93" s="11" t="s">
        <v>259</v>
      </c>
      <c r="P93" s="11">
        <v>0</v>
      </c>
      <c r="Q93" s="11">
        <v>46</v>
      </c>
      <c r="R93" s="11">
        <v>46</v>
      </c>
      <c r="S93" s="11">
        <v>0</v>
      </c>
      <c r="T93" s="11">
        <v>45</v>
      </c>
      <c r="U93" s="11">
        <v>44</v>
      </c>
      <c r="V93" s="11">
        <v>0</v>
      </c>
      <c r="W93" s="11">
        <v>0</v>
      </c>
      <c r="X93" s="11">
        <v>0</v>
      </c>
      <c r="Y93" s="11" t="s">
        <v>256</v>
      </c>
      <c r="Z93" s="11" t="s">
        <v>256</v>
      </c>
      <c r="AA93" s="11">
        <v>0</v>
      </c>
      <c r="AB93" s="11" t="s">
        <v>256</v>
      </c>
      <c r="AC93" s="11" t="s">
        <v>256</v>
      </c>
      <c r="AD93" s="11">
        <v>0</v>
      </c>
      <c r="AE93" s="11">
        <v>0</v>
      </c>
      <c r="AF93" s="11">
        <v>0</v>
      </c>
      <c r="AG93" s="11" t="s">
        <v>536</v>
      </c>
      <c r="AH93" s="11" t="s">
        <v>536</v>
      </c>
      <c r="AI93" s="11">
        <v>0</v>
      </c>
      <c r="AJ93" s="11" t="s">
        <v>536</v>
      </c>
      <c r="AK93" s="11" t="s">
        <v>536</v>
      </c>
      <c r="AL93" s="11">
        <v>0</v>
      </c>
      <c r="AM93" s="11">
        <v>0</v>
      </c>
      <c r="AN93" s="83">
        <v>0</v>
      </c>
      <c r="AO93" s="83">
        <v>17400</v>
      </c>
      <c r="AP93" s="83">
        <v>14616</v>
      </c>
      <c r="AQ93" s="83">
        <v>0</v>
      </c>
      <c r="AR93" s="83">
        <v>2088</v>
      </c>
      <c r="AS93" s="83">
        <v>696</v>
      </c>
      <c r="AT93" s="83">
        <v>0</v>
      </c>
      <c r="AU93" s="83">
        <v>0</v>
      </c>
      <c r="AV93" s="11">
        <v>0</v>
      </c>
      <c r="AW93" s="11" t="s">
        <v>537</v>
      </c>
      <c r="AX93" s="11" t="s">
        <v>537</v>
      </c>
      <c r="AY93" s="11">
        <v>0</v>
      </c>
      <c r="AZ93" s="11" t="s">
        <v>537</v>
      </c>
      <c r="BA93" s="11" t="s">
        <v>537</v>
      </c>
      <c r="BB93" s="11">
        <v>0</v>
      </c>
      <c r="BC93" s="11">
        <v>0</v>
      </c>
      <c r="BD93" s="83">
        <v>0</v>
      </c>
      <c r="BE93" s="83">
        <v>6725</v>
      </c>
      <c r="BF93" s="83">
        <v>5649</v>
      </c>
      <c r="BG93" s="83">
        <v>0</v>
      </c>
      <c r="BH93" s="83">
        <v>807</v>
      </c>
      <c r="BI93" s="83">
        <v>269</v>
      </c>
      <c r="BJ93" s="83">
        <v>0</v>
      </c>
      <c r="BK93" s="83">
        <v>0</v>
      </c>
      <c r="BL93" s="11">
        <v>50</v>
      </c>
      <c r="BM93" s="83">
        <v>34800</v>
      </c>
      <c r="BN93" s="83">
        <v>27169</v>
      </c>
    </row>
    <row r="94" spans="1:66" x14ac:dyDescent="0.3">
      <c r="A94" s="78" t="s">
        <v>90</v>
      </c>
      <c r="B94" s="79">
        <v>58</v>
      </c>
      <c r="C94" s="80"/>
      <c r="D94" t="s">
        <v>538</v>
      </c>
      <c r="E94">
        <v>613</v>
      </c>
      <c r="G94" s="78" t="s">
        <v>90</v>
      </c>
      <c r="H94" s="79">
        <v>58</v>
      </c>
      <c r="I94" s="81" t="s">
        <v>539</v>
      </c>
      <c r="J94" s="81">
        <v>694</v>
      </c>
      <c r="K94" s="82">
        <v>3</v>
      </c>
      <c r="L94" s="86"/>
      <c r="M94" s="11"/>
      <c r="N94" s="11"/>
      <c r="O94" s="11"/>
      <c r="P94" s="11"/>
      <c r="Q94" s="11"/>
      <c r="R94" s="11"/>
      <c r="S94" s="11"/>
      <c r="T94" s="11"/>
      <c r="U94" s="11"/>
      <c r="V94" s="11"/>
      <c r="W94" s="11"/>
      <c r="X94" s="11"/>
      <c r="Y94" s="11"/>
      <c r="Z94" s="11"/>
      <c r="AA94" s="11"/>
      <c r="AB94" s="11"/>
      <c r="AC94" s="11"/>
      <c r="AD94" s="11"/>
      <c r="AE94" s="11"/>
      <c r="AF94" s="11"/>
      <c r="AG94" s="11"/>
      <c r="AH94" s="11"/>
      <c r="AI94" s="11"/>
      <c r="AJ94" s="11"/>
      <c r="AK94" s="11"/>
      <c r="AL94" s="11"/>
      <c r="AM94" s="11"/>
      <c r="AN94" s="83"/>
      <c r="AO94" s="83"/>
      <c r="AP94" s="83"/>
      <c r="AQ94" s="83"/>
      <c r="AR94" s="83"/>
      <c r="AS94" s="83"/>
      <c r="AT94" s="83"/>
      <c r="AU94" s="83"/>
      <c r="AV94" s="11"/>
      <c r="AW94" s="11"/>
      <c r="AX94" s="11"/>
      <c r="AY94" s="11"/>
      <c r="AZ94" s="11"/>
      <c r="BA94" s="11"/>
      <c r="BB94" s="11"/>
      <c r="BC94" s="11"/>
      <c r="BD94" s="83"/>
      <c r="BE94" s="83"/>
      <c r="BF94" s="83"/>
      <c r="BG94" s="83"/>
      <c r="BH94" s="83"/>
      <c r="BI94" s="83"/>
      <c r="BJ94" s="83"/>
      <c r="BK94" s="83"/>
      <c r="BL94" s="11"/>
      <c r="BM94" s="83"/>
      <c r="BN94" s="83"/>
    </row>
    <row r="95" spans="1:66" x14ac:dyDescent="0.3">
      <c r="A95" s="78" t="s">
        <v>90</v>
      </c>
      <c r="B95" s="79">
        <v>58</v>
      </c>
      <c r="C95" s="80"/>
      <c r="D95" t="s">
        <v>540</v>
      </c>
      <c r="E95">
        <v>614</v>
      </c>
      <c r="G95" s="78" t="s">
        <v>90</v>
      </c>
      <c r="H95" s="79">
        <v>58</v>
      </c>
      <c r="I95" s="81" t="s">
        <v>541</v>
      </c>
      <c r="J95" s="81">
        <v>695</v>
      </c>
      <c r="K95" s="82">
        <v>93</v>
      </c>
      <c r="L95" s="86">
        <v>58</v>
      </c>
      <c r="M95" s="11">
        <v>695</v>
      </c>
      <c r="N95" s="11">
        <v>101</v>
      </c>
      <c r="O95" s="11" t="s">
        <v>259</v>
      </c>
      <c r="P95" s="11">
        <v>4</v>
      </c>
      <c r="Q95" s="11">
        <v>12</v>
      </c>
      <c r="R95" s="11">
        <v>12</v>
      </c>
      <c r="S95" s="11">
        <v>12</v>
      </c>
      <c r="T95" s="11">
        <v>12</v>
      </c>
      <c r="U95" s="11">
        <v>13</v>
      </c>
      <c r="V95" s="11">
        <v>0</v>
      </c>
      <c r="W95" s="11">
        <v>0</v>
      </c>
      <c r="X95" s="11" t="s">
        <v>256</v>
      </c>
      <c r="Y95" s="11" t="s">
        <v>256</v>
      </c>
      <c r="Z95" s="11" t="s">
        <v>256</v>
      </c>
      <c r="AA95" s="11" t="s">
        <v>256</v>
      </c>
      <c r="AB95" s="11" t="s">
        <v>256</v>
      </c>
      <c r="AC95" s="11" t="s">
        <v>256</v>
      </c>
      <c r="AD95" s="11">
        <v>0</v>
      </c>
      <c r="AE95" s="11">
        <v>0</v>
      </c>
      <c r="AF95" s="11" t="s">
        <v>536</v>
      </c>
      <c r="AG95" s="11" t="s">
        <v>536</v>
      </c>
      <c r="AH95" s="11" t="s">
        <v>536</v>
      </c>
      <c r="AI95" s="11" t="s">
        <v>536</v>
      </c>
      <c r="AJ95" s="11" t="s">
        <v>536</v>
      </c>
      <c r="AK95" s="11" t="s">
        <v>536</v>
      </c>
      <c r="AL95" s="11">
        <v>0</v>
      </c>
      <c r="AM95" s="11">
        <v>0</v>
      </c>
      <c r="AN95" s="83">
        <v>17400</v>
      </c>
      <c r="AO95" s="83">
        <v>43152</v>
      </c>
      <c r="AP95" s="83">
        <v>2088</v>
      </c>
      <c r="AQ95" s="83">
        <v>696</v>
      </c>
      <c r="AR95" s="83">
        <v>6264</v>
      </c>
      <c r="AS95" s="83">
        <v>696</v>
      </c>
      <c r="AT95" s="83">
        <v>0</v>
      </c>
      <c r="AU95" s="83">
        <v>0</v>
      </c>
      <c r="AV95" s="11" t="s">
        <v>537</v>
      </c>
      <c r="AW95" s="11" t="s">
        <v>537</v>
      </c>
      <c r="AX95" s="11" t="s">
        <v>537</v>
      </c>
      <c r="AY95" s="11" t="s">
        <v>537</v>
      </c>
      <c r="AZ95" s="11" t="s">
        <v>537</v>
      </c>
      <c r="BA95" s="11" t="s">
        <v>537</v>
      </c>
      <c r="BB95" s="11">
        <v>0</v>
      </c>
      <c r="BC95" s="11">
        <v>0</v>
      </c>
      <c r="BD95" s="83">
        <v>6725</v>
      </c>
      <c r="BE95" s="83">
        <v>16678</v>
      </c>
      <c r="BF95" s="83">
        <v>807</v>
      </c>
      <c r="BG95" s="83">
        <v>269</v>
      </c>
      <c r="BH95" s="83">
        <v>2421</v>
      </c>
      <c r="BI95" s="83">
        <v>269</v>
      </c>
      <c r="BJ95" s="83">
        <v>0</v>
      </c>
      <c r="BK95" s="83">
        <v>0</v>
      </c>
      <c r="BL95" s="11">
        <v>101</v>
      </c>
      <c r="BM95" s="83">
        <v>70296</v>
      </c>
      <c r="BN95" s="83">
        <v>21446</v>
      </c>
    </row>
    <row r="96" spans="1:66" x14ac:dyDescent="0.3">
      <c r="A96" s="78" t="s">
        <v>90</v>
      </c>
      <c r="B96" s="79">
        <v>58</v>
      </c>
      <c r="C96" s="80"/>
      <c r="D96" t="s">
        <v>542</v>
      </c>
      <c r="E96">
        <v>615</v>
      </c>
      <c r="G96" s="78" t="s">
        <v>90</v>
      </c>
      <c r="H96" s="79">
        <v>58</v>
      </c>
      <c r="I96" s="81" t="s">
        <v>543</v>
      </c>
      <c r="J96" s="81">
        <v>699</v>
      </c>
      <c r="K96" s="82">
        <v>44</v>
      </c>
      <c r="L96" s="86">
        <v>58</v>
      </c>
      <c r="M96" s="11">
        <v>699</v>
      </c>
      <c r="N96" s="11">
        <v>46</v>
      </c>
      <c r="O96" s="11" t="s">
        <v>259</v>
      </c>
      <c r="P96" s="11">
        <v>12</v>
      </c>
      <c r="Q96" s="11">
        <v>21</v>
      </c>
      <c r="R96" s="11">
        <v>21</v>
      </c>
      <c r="S96" s="11">
        <v>20</v>
      </c>
      <c r="T96" s="11">
        <v>0</v>
      </c>
      <c r="U96" s="11">
        <v>0</v>
      </c>
      <c r="V96" s="11">
        <v>0</v>
      </c>
      <c r="W96" s="11">
        <v>0</v>
      </c>
      <c r="X96" s="11" t="s">
        <v>256</v>
      </c>
      <c r="Y96" s="11" t="s">
        <v>256</v>
      </c>
      <c r="Z96" s="11" t="s">
        <v>256</v>
      </c>
      <c r="AA96" s="11" t="s">
        <v>256</v>
      </c>
      <c r="AB96" s="11">
        <v>0</v>
      </c>
      <c r="AC96" s="11">
        <v>0</v>
      </c>
      <c r="AD96" s="11">
        <v>0</v>
      </c>
      <c r="AE96" s="11">
        <v>0</v>
      </c>
      <c r="AF96" s="11" t="s">
        <v>536</v>
      </c>
      <c r="AG96" s="11" t="s">
        <v>536</v>
      </c>
      <c r="AH96" s="11" t="s">
        <v>536</v>
      </c>
      <c r="AI96" s="11" t="s">
        <v>536</v>
      </c>
      <c r="AJ96" s="11">
        <v>0</v>
      </c>
      <c r="AK96" s="11">
        <v>0</v>
      </c>
      <c r="AL96" s="11">
        <v>0</v>
      </c>
      <c r="AM96" s="11">
        <v>0</v>
      </c>
      <c r="AN96" s="83">
        <v>20880</v>
      </c>
      <c r="AO96" s="83">
        <v>9048</v>
      </c>
      <c r="AP96" s="83">
        <v>1392</v>
      </c>
      <c r="AQ96" s="83">
        <v>696</v>
      </c>
      <c r="AR96" s="83">
        <v>0</v>
      </c>
      <c r="AS96" s="83">
        <v>0</v>
      </c>
      <c r="AT96" s="83">
        <v>0</v>
      </c>
      <c r="AU96" s="83">
        <v>0</v>
      </c>
      <c r="AV96" s="11" t="s">
        <v>537</v>
      </c>
      <c r="AW96" s="11" t="s">
        <v>537</v>
      </c>
      <c r="AX96" s="11" t="s">
        <v>537</v>
      </c>
      <c r="AY96" s="11" t="s">
        <v>537</v>
      </c>
      <c r="AZ96" s="11" t="s">
        <v>544</v>
      </c>
      <c r="BA96" s="11">
        <v>0</v>
      </c>
      <c r="BB96" s="11">
        <v>0</v>
      </c>
      <c r="BC96" s="11">
        <v>0</v>
      </c>
      <c r="BD96" s="83">
        <v>8070</v>
      </c>
      <c r="BE96" s="83">
        <v>3497</v>
      </c>
      <c r="BF96" s="83">
        <v>538</v>
      </c>
      <c r="BG96" s="83">
        <v>269</v>
      </c>
      <c r="BH96" s="83">
        <v>9072</v>
      </c>
      <c r="BI96" s="83">
        <v>0</v>
      </c>
      <c r="BJ96" s="83">
        <v>0</v>
      </c>
      <c r="BK96" s="83">
        <v>0</v>
      </c>
      <c r="BL96" s="11">
        <v>46</v>
      </c>
      <c r="BM96" s="83">
        <v>32016</v>
      </c>
      <c r="BN96" s="83">
        <v>1345</v>
      </c>
    </row>
    <row r="97" spans="1:66" x14ac:dyDescent="0.3">
      <c r="A97" s="78" t="s">
        <v>90</v>
      </c>
      <c r="B97" s="79">
        <v>58</v>
      </c>
      <c r="C97" s="80"/>
      <c r="D97" t="s">
        <v>273</v>
      </c>
      <c r="E97">
        <v>616</v>
      </c>
      <c r="G97" s="78" t="s">
        <v>90</v>
      </c>
      <c r="H97" s="79">
        <v>58</v>
      </c>
      <c r="I97" s="81" t="s">
        <v>545</v>
      </c>
      <c r="J97" s="81">
        <v>698</v>
      </c>
      <c r="K97" s="82">
        <v>3</v>
      </c>
      <c r="L97" s="86">
        <v>58</v>
      </c>
      <c r="M97" s="11">
        <v>698</v>
      </c>
      <c r="N97" s="11">
        <v>5</v>
      </c>
      <c r="O97" s="11" t="s">
        <v>259</v>
      </c>
      <c r="P97" s="11">
        <v>42</v>
      </c>
      <c r="Q97" s="11">
        <v>33</v>
      </c>
      <c r="R97" s="11">
        <v>0</v>
      </c>
      <c r="S97" s="11">
        <v>0</v>
      </c>
      <c r="T97" s="11">
        <v>0</v>
      </c>
      <c r="U97" s="11">
        <v>0</v>
      </c>
      <c r="V97" s="11">
        <v>0</v>
      </c>
      <c r="W97" s="11">
        <v>0</v>
      </c>
      <c r="X97" s="11" t="s">
        <v>256</v>
      </c>
      <c r="Y97" s="11" t="s">
        <v>256</v>
      </c>
      <c r="Z97" s="11">
        <v>0</v>
      </c>
      <c r="AA97" s="11">
        <v>0</v>
      </c>
      <c r="AB97" s="11">
        <v>0</v>
      </c>
      <c r="AC97" s="11">
        <v>0</v>
      </c>
      <c r="AD97" s="11">
        <v>0</v>
      </c>
      <c r="AE97" s="11">
        <v>0</v>
      </c>
      <c r="AF97" s="11" t="s">
        <v>536</v>
      </c>
      <c r="AG97" s="11" t="s">
        <v>536</v>
      </c>
      <c r="AH97" s="11">
        <v>0</v>
      </c>
      <c r="AI97" s="11">
        <v>0</v>
      </c>
      <c r="AJ97" s="11">
        <v>0</v>
      </c>
      <c r="AK97" s="11">
        <v>0</v>
      </c>
      <c r="AL97" s="11">
        <v>0</v>
      </c>
      <c r="AM97" s="11">
        <v>0</v>
      </c>
      <c r="AN97" s="83">
        <v>2784</v>
      </c>
      <c r="AO97" s="83">
        <v>696</v>
      </c>
      <c r="AP97" s="83">
        <v>0</v>
      </c>
      <c r="AQ97" s="83">
        <v>0</v>
      </c>
      <c r="AR97" s="83">
        <v>0</v>
      </c>
      <c r="AS97" s="83">
        <v>0</v>
      </c>
      <c r="AT97" s="83">
        <v>0</v>
      </c>
      <c r="AU97" s="83">
        <v>0</v>
      </c>
      <c r="AV97" s="11" t="s">
        <v>537</v>
      </c>
      <c r="AW97" s="11" t="s">
        <v>537</v>
      </c>
      <c r="AX97" s="11">
        <v>0</v>
      </c>
      <c r="AY97" s="11">
        <v>0</v>
      </c>
      <c r="AZ97" s="11">
        <v>0</v>
      </c>
      <c r="BA97" s="11">
        <v>0</v>
      </c>
      <c r="BB97" s="11">
        <v>0</v>
      </c>
      <c r="BC97" s="11">
        <v>0</v>
      </c>
      <c r="BD97" s="83">
        <v>1076</v>
      </c>
      <c r="BE97" s="83">
        <v>269</v>
      </c>
      <c r="BF97" s="83">
        <v>0</v>
      </c>
      <c r="BG97" s="83">
        <v>0</v>
      </c>
      <c r="BH97" s="83">
        <v>0</v>
      </c>
      <c r="BI97" s="83">
        <v>0</v>
      </c>
      <c r="BJ97" s="83">
        <v>0</v>
      </c>
      <c r="BK97" s="83">
        <v>0</v>
      </c>
      <c r="BL97" s="11">
        <v>5</v>
      </c>
      <c r="BM97" s="83">
        <v>3480</v>
      </c>
      <c r="BN97" s="83">
        <v>10491</v>
      </c>
    </row>
    <row r="98" spans="1:66" x14ac:dyDescent="0.3">
      <c r="A98" s="78" t="s">
        <v>90</v>
      </c>
      <c r="B98" s="79">
        <v>58</v>
      </c>
      <c r="C98" s="80"/>
      <c r="D98" t="s">
        <v>273</v>
      </c>
      <c r="E98">
        <v>616</v>
      </c>
      <c r="G98" s="78" t="s">
        <v>90</v>
      </c>
      <c r="H98" s="79">
        <v>58</v>
      </c>
      <c r="I98" s="81" t="s">
        <v>322</v>
      </c>
      <c r="J98" s="81">
        <v>722</v>
      </c>
      <c r="K98" s="82">
        <v>3</v>
      </c>
      <c r="L98" s="86"/>
      <c r="M98" s="11"/>
      <c r="N98" s="11"/>
      <c r="O98" s="11"/>
      <c r="P98" s="11"/>
      <c r="Q98" s="11"/>
      <c r="R98" s="11"/>
      <c r="S98" s="11"/>
      <c r="T98" s="11"/>
      <c r="U98" s="11"/>
      <c r="V98" s="11"/>
      <c r="W98" s="11"/>
      <c r="X98" s="11"/>
      <c r="Y98" s="11"/>
      <c r="Z98" s="11"/>
      <c r="AA98" s="11"/>
      <c r="AB98" s="11"/>
      <c r="AC98" s="11"/>
      <c r="AD98" s="11"/>
      <c r="AE98" s="11"/>
      <c r="AF98" s="11"/>
      <c r="AG98" s="11"/>
      <c r="AH98" s="11"/>
      <c r="AI98" s="11"/>
      <c r="AJ98" s="11"/>
      <c r="AK98" s="11"/>
      <c r="AL98" s="11"/>
      <c r="AM98" s="11"/>
      <c r="AN98" s="83"/>
      <c r="AO98" s="83"/>
      <c r="AP98" s="83"/>
      <c r="AQ98" s="83"/>
      <c r="AR98" s="83"/>
      <c r="AS98" s="83"/>
      <c r="AT98" s="83"/>
      <c r="AU98" s="83"/>
      <c r="AV98" s="11"/>
      <c r="AW98" s="11"/>
      <c r="AX98" s="11"/>
      <c r="AY98" s="11"/>
      <c r="AZ98" s="11"/>
      <c r="BA98" s="11"/>
      <c r="BB98" s="11"/>
      <c r="BC98" s="11"/>
      <c r="BD98" s="83"/>
      <c r="BE98" s="83"/>
      <c r="BF98" s="83"/>
      <c r="BG98" s="83"/>
      <c r="BH98" s="83"/>
      <c r="BI98" s="83"/>
      <c r="BJ98" s="83"/>
      <c r="BK98" s="83"/>
      <c r="BL98" s="11"/>
      <c r="BM98" s="83"/>
      <c r="BN98" s="83"/>
    </row>
    <row r="99" spans="1:66" x14ac:dyDescent="0.3">
      <c r="A99" s="78" t="s">
        <v>90</v>
      </c>
      <c r="B99" s="79">
        <v>58</v>
      </c>
      <c r="C99" s="80"/>
      <c r="D99" t="s">
        <v>273</v>
      </c>
      <c r="E99">
        <v>616</v>
      </c>
      <c r="G99" s="78" t="s">
        <v>90</v>
      </c>
      <c r="H99" s="79">
        <v>58</v>
      </c>
      <c r="I99" s="81" t="s">
        <v>546</v>
      </c>
      <c r="J99" s="81">
        <v>697</v>
      </c>
      <c r="K99" s="82">
        <v>38</v>
      </c>
      <c r="L99" s="86">
        <v>58</v>
      </c>
      <c r="M99" s="11">
        <v>697</v>
      </c>
      <c r="N99" s="11">
        <v>39</v>
      </c>
      <c r="O99" s="11" t="s">
        <v>259</v>
      </c>
      <c r="P99" s="11">
        <v>47</v>
      </c>
      <c r="Q99" s="11">
        <v>46</v>
      </c>
      <c r="R99" s="11">
        <v>46</v>
      </c>
      <c r="S99" s="11">
        <v>0</v>
      </c>
      <c r="T99" s="11">
        <v>46</v>
      </c>
      <c r="U99" s="11">
        <v>0</v>
      </c>
      <c r="V99" s="11">
        <v>0</v>
      </c>
      <c r="W99" s="11">
        <v>0</v>
      </c>
      <c r="X99" s="11" t="s">
        <v>256</v>
      </c>
      <c r="Y99" s="11" t="s">
        <v>256</v>
      </c>
      <c r="Z99" s="11" t="s">
        <v>256</v>
      </c>
      <c r="AA99" s="11">
        <v>0</v>
      </c>
      <c r="AB99" s="11" t="s">
        <v>256</v>
      </c>
      <c r="AC99" s="11">
        <v>0</v>
      </c>
      <c r="AD99" s="11">
        <v>0</v>
      </c>
      <c r="AE99" s="11">
        <v>0</v>
      </c>
      <c r="AF99" s="11" t="s">
        <v>536</v>
      </c>
      <c r="AG99" s="11" t="s">
        <v>536</v>
      </c>
      <c r="AH99" s="11" t="s">
        <v>536</v>
      </c>
      <c r="AI99" s="11">
        <v>0</v>
      </c>
      <c r="AJ99" s="11" t="s">
        <v>536</v>
      </c>
      <c r="AK99" s="11">
        <v>0</v>
      </c>
      <c r="AL99" s="11">
        <v>0</v>
      </c>
      <c r="AM99" s="11">
        <v>0</v>
      </c>
      <c r="AN99" s="83">
        <v>696</v>
      </c>
      <c r="AO99" s="83">
        <v>12528</v>
      </c>
      <c r="AP99" s="83">
        <v>12528</v>
      </c>
      <c r="AQ99" s="83">
        <v>0</v>
      </c>
      <c r="AR99" s="83">
        <v>1392</v>
      </c>
      <c r="AS99" s="83">
        <v>0</v>
      </c>
      <c r="AT99" s="83">
        <v>0</v>
      </c>
      <c r="AU99" s="83">
        <v>0</v>
      </c>
      <c r="AV99" s="11" t="s">
        <v>537</v>
      </c>
      <c r="AW99" s="11" t="s">
        <v>537</v>
      </c>
      <c r="AX99" s="11" t="s">
        <v>537</v>
      </c>
      <c r="AY99" s="11">
        <v>0</v>
      </c>
      <c r="AZ99" s="11" t="s">
        <v>537</v>
      </c>
      <c r="BA99" s="11">
        <v>0</v>
      </c>
      <c r="BB99" s="11">
        <v>0</v>
      </c>
      <c r="BC99" s="11">
        <v>0</v>
      </c>
      <c r="BD99" s="83">
        <v>269</v>
      </c>
      <c r="BE99" s="83">
        <v>4842</v>
      </c>
      <c r="BF99" s="83">
        <v>4842</v>
      </c>
      <c r="BG99" s="83">
        <v>0</v>
      </c>
      <c r="BH99" s="83">
        <v>538</v>
      </c>
      <c r="BI99" s="83">
        <v>0</v>
      </c>
      <c r="BJ99" s="83">
        <v>0</v>
      </c>
      <c r="BK99" s="83">
        <v>0</v>
      </c>
      <c r="BL99" s="11">
        <v>39</v>
      </c>
      <c r="BM99" s="83">
        <v>27144</v>
      </c>
      <c r="BN99" s="83">
        <v>0</v>
      </c>
    </row>
    <row r="100" spans="1:66" x14ac:dyDescent="0.3">
      <c r="A100" s="78" t="s">
        <v>91</v>
      </c>
      <c r="B100" s="80">
        <v>59</v>
      </c>
      <c r="C100" s="80"/>
      <c r="D100" t="s">
        <v>547</v>
      </c>
      <c r="E100">
        <v>617</v>
      </c>
      <c r="G100" s="78" t="s">
        <v>91</v>
      </c>
      <c r="H100" s="80">
        <v>59</v>
      </c>
      <c r="I100" s="81" t="s">
        <v>283</v>
      </c>
      <c r="J100" s="81">
        <v>542</v>
      </c>
      <c r="K100" s="82">
        <v>67</v>
      </c>
      <c r="L100" s="86">
        <v>59</v>
      </c>
      <c r="M100" s="11">
        <v>542</v>
      </c>
      <c r="N100" s="11">
        <v>79</v>
      </c>
      <c r="O100" s="11" t="s">
        <v>259</v>
      </c>
      <c r="P100" s="11">
        <v>31.25</v>
      </c>
      <c r="Q100" s="11">
        <v>31.25</v>
      </c>
      <c r="R100" s="11">
        <v>45</v>
      </c>
      <c r="S100" s="11">
        <v>0</v>
      </c>
      <c r="T100" s="11">
        <v>0</v>
      </c>
      <c r="U100" s="11">
        <v>0</v>
      </c>
      <c r="V100" s="11">
        <v>0</v>
      </c>
      <c r="W100" s="11">
        <v>0</v>
      </c>
      <c r="X100" s="11" t="s">
        <v>548</v>
      </c>
      <c r="Y100" s="11" t="s">
        <v>549</v>
      </c>
      <c r="Z100" s="11" t="s">
        <v>550</v>
      </c>
      <c r="AA100" s="11">
        <v>0</v>
      </c>
      <c r="AB100" s="11">
        <v>0</v>
      </c>
      <c r="AC100" s="11">
        <v>0</v>
      </c>
      <c r="AD100" s="11">
        <v>0</v>
      </c>
      <c r="AE100" s="11">
        <v>0</v>
      </c>
      <c r="AF100" s="11" t="s">
        <v>551</v>
      </c>
      <c r="AG100" s="11" t="s">
        <v>551</v>
      </c>
      <c r="AH100" s="11" t="s">
        <v>552</v>
      </c>
      <c r="AI100" s="11">
        <v>0</v>
      </c>
      <c r="AJ100" s="11">
        <v>0</v>
      </c>
      <c r="AK100" s="11">
        <v>0</v>
      </c>
      <c r="AL100" s="11">
        <v>0</v>
      </c>
      <c r="AM100" s="11">
        <v>0</v>
      </c>
      <c r="AN100" s="83">
        <v>52721</v>
      </c>
      <c r="AO100" s="83">
        <v>53829</v>
      </c>
      <c r="AP100" s="83">
        <v>51855</v>
      </c>
      <c r="AQ100" s="83">
        <v>0</v>
      </c>
      <c r="AR100" s="83">
        <v>0</v>
      </c>
      <c r="AS100" s="83">
        <v>0</v>
      </c>
      <c r="AT100" s="83">
        <v>0</v>
      </c>
      <c r="AU100" s="83">
        <v>0</v>
      </c>
      <c r="AV100" s="11">
        <v>0</v>
      </c>
      <c r="AW100" s="11">
        <v>0</v>
      </c>
      <c r="AX100" s="11">
        <v>0</v>
      </c>
      <c r="AY100" s="11">
        <v>0</v>
      </c>
      <c r="AZ100" s="11">
        <v>0</v>
      </c>
      <c r="BA100" s="11">
        <v>0</v>
      </c>
      <c r="BB100" s="11">
        <v>0</v>
      </c>
      <c r="BC100" s="11">
        <v>0</v>
      </c>
      <c r="BD100" s="83">
        <v>0</v>
      </c>
      <c r="BE100" s="83">
        <v>0</v>
      </c>
      <c r="BF100" s="83">
        <v>0</v>
      </c>
      <c r="BG100" s="83">
        <v>0</v>
      </c>
      <c r="BH100" s="83">
        <v>0</v>
      </c>
      <c r="BI100" s="83">
        <v>0</v>
      </c>
      <c r="BJ100" s="83">
        <v>0</v>
      </c>
      <c r="BK100" s="83">
        <v>0</v>
      </c>
      <c r="BL100" s="11">
        <v>79</v>
      </c>
      <c r="BM100" s="83">
        <v>158405</v>
      </c>
      <c r="BN100" s="83">
        <v>0</v>
      </c>
    </row>
    <row r="101" spans="1:66" x14ac:dyDescent="0.3">
      <c r="A101" s="78" t="s">
        <v>91</v>
      </c>
      <c r="B101" s="80">
        <v>59</v>
      </c>
      <c r="C101" s="80"/>
      <c r="D101" t="s">
        <v>525</v>
      </c>
      <c r="E101">
        <v>618</v>
      </c>
      <c r="G101" s="78" t="s">
        <v>91</v>
      </c>
      <c r="H101" s="80">
        <v>59</v>
      </c>
      <c r="I101" s="81" t="s">
        <v>342</v>
      </c>
      <c r="J101" s="81">
        <v>545</v>
      </c>
      <c r="K101" s="82">
        <v>39</v>
      </c>
      <c r="L101" s="86">
        <v>59</v>
      </c>
      <c r="M101" s="11">
        <v>545</v>
      </c>
      <c r="N101" s="11">
        <v>46</v>
      </c>
      <c r="O101" s="11" t="s">
        <v>259</v>
      </c>
      <c r="P101" s="11">
        <v>34.25</v>
      </c>
      <c r="Q101" s="11">
        <v>45</v>
      </c>
      <c r="R101" s="11">
        <v>0</v>
      </c>
      <c r="S101" s="11">
        <v>0</v>
      </c>
      <c r="T101" s="11">
        <v>0</v>
      </c>
      <c r="U101" s="11">
        <v>0</v>
      </c>
      <c r="V101" s="11">
        <v>0</v>
      </c>
      <c r="W101" s="11">
        <v>0</v>
      </c>
      <c r="X101" s="11" t="s">
        <v>553</v>
      </c>
      <c r="Y101" s="11" t="s">
        <v>550</v>
      </c>
      <c r="Z101" s="11">
        <v>0</v>
      </c>
      <c r="AA101" s="11">
        <v>0</v>
      </c>
      <c r="AB101" s="11">
        <v>0</v>
      </c>
      <c r="AC101" s="11">
        <v>0</v>
      </c>
      <c r="AD101" s="11">
        <v>0</v>
      </c>
      <c r="AE101" s="11">
        <v>0</v>
      </c>
      <c r="AF101" s="11" t="s">
        <v>551</v>
      </c>
      <c r="AG101" s="11" t="s">
        <v>552</v>
      </c>
      <c r="AH101" s="11">
        <v>0</v>
      </c>
      <c r="AI101" s="11">
        <v>0</v>
      </c>
      <c r="AJ101" s="11">
        <v>0</v>
      </c>
      <c r="AK101" s="11">
        <v>0</v>
      </c>
      <c r="AL101" s="11">
        <v>0</v>
      </c>
      <c r="AM101" s="11">
        <v>0</v>
      </c>
      <c r="AN101" s="83">
        <v>51075</v>
      </c>
      <c r="AO101" s="83">
        <v>39654</v>
      </c>
      <c r="AP101" s="83">
        <v>0</v>
      </c>
      <c r="AQ101" s="83">
        <v>0</v>
      </c>
      <c r="AR101" s="83">
        <v>0</v>
      </c>
      <c r="AS101" s="83">
        <v>0</v>
      </c>
      <c r="AT101" s="83">
        <v>0</v>
      </c>
      <c r="AU101" s="83">
        <v>0</v>
      </c>
      <c r="AV101" s="11">
        <v>0</v>
      </c>
      <c r="AW101" s="11">
        <v>0</v>
      </c>
      <c r="AX101" s="11">
        <v>0</v>
      </c>
      <c r="AY101" s="11">
        <v>0</v>
      </c>
      <c r="AZ101" s="11">
        <v>0</v>
      </c>
      <c r="BA101" s="11">
        <v>0</v>
      </c>
      <c r="BB101" s="11">
        <v>0</v>
      </c>
      <c r="BC101" s="11">
        <v>0</v>
      </c>
      <c r="BD101" s="83">
        <v>0</v>
      </c>
      <c r="BE101" s="83">
        <v>0</v>
      </c>
      <c r="BF101" s="83">
        <v>0</v>
      </c>
      <c r="BG101" s="83">
        <v>0</v>
      </c>
      <c r="BH101" s="83">
        <v>0</v>
      </c>
      <c r="BI101" s="83">
        <v>0</v>
      </c>
      <c r="BJ101" s="83">
        <v>0</v>
      </c>
      <c r="BK101" s="83">
        <v>0</v>
      </c>
      <c r="BL101" s="11">
        <v>46</v>
      </c>
      <c r="BM101" s="83">
        <v>90729</v>
      </c>
      <c r="BN101" s="83">
        <v>40496</v>
      </c>
    </row>
    <row r="102" spans="1:66" x14ac:dyDescent="0.3">
      <c r="A102" s="78" t="s">
        <v>92</v>
      </c>
      <c r="B102" s="80">
        <v>60</v>
      </c>
      <c r="C102" s="80"/>
      <c r="D102" t="s">
        <v>554</v>
      </c>
      <c r="E102">
        <v>619</v>
      </c>
      <c r="G102" s="78" t="s">
        <v>92</v>
      </c>
      <c r="H102" s="80">
        <v>60</v>
      </c>
      <c r="I102" s="81" t="s">
        <v>348</v>
      </c>
      <c r="J102" s="81">
        <v>547</v>
      </c>
      <c r="K102" s="82">
        <v>19</v>
      </c>
      <c r="L102" s="86">
        <v>60</v>
      </c>
      <c r="M102" s="11">
        <v>547</v>
      </c>
      <c r="N102" s="11">
        <v>30</v>
      </c>
      <c r="O102" s="11" t="s">
        <v>259</v>
      </c>
      <c r="P102" s="11">
        <v>75</v>
      </c>
      <c r="Q102" s="11">
        <v>0</v>
      </c>
      <c r="R102" s="11">
        <v>0</v>
      </c>
      <c r="S102" s="11">
        <v>0</v>
      </c>
      <c r="T102" s="11">
        <v>0</v>
      </c>
      <c r="U102" s="11">
        <v>0</v>
      </c>
      <c r="V102" s="11">
        <v>0</v>
      </c>
      <c r="W102" s="11">
        <v>0</v>
      </c>
      <c r="X102" s="11" t="s">
        <v>256</v>
      </c>
      <c r="Y102" s="11" t="s">
        <v>445</v>
      </c>
      <c r="Z102" s="11">
        <v>0</v>
      </c>
      <c r="AA102" s="11">
        <v>0</v>
      </c>
      <c r="AB102" s="11">
        <v>0</v>
      </c>
      <c r="AC102" s="11">
        <v>0</v>
      </c>
      <c r="AD102" s="11">
        <v>0</v>
      </c>
      <c r="AE102" s="11">
        <v>0</v>
      </c>
      <c r="AF102" s="11" t="s">
        <v>555</v>
      </c>
      <c r="AG102" s="11" t="s">
        <v>556</v>
      </c>
      <c r="AH102" s="11">
        <v>0</v>
      </c>
      <c r="AI102" s="11">
        <v>0</v>
      </c>
      <c r="AJ102" s="11">
        <v>0</v>
      </c>
      <c r="AK102" s="11">
        <v>0</v>
      </c>
      <c r="AL102" s="11">
        <v>0</v>
      </c>
      <c r="AM102" s="11">
        <v>0</v>
      </c>
      <c r="AN102" s="83">
        <v>47160</v>
      </c>
      <c r="AO102" s="83">
        <v>2800</v>
      </c>
      <c r="AP102" s="83">
        <v>0</v>
      </c>
      <c r="AQ102" s="83">
        <v>0</v>
      </c>
      <c r="AR102" s="83">
        <v>0</v>
      </c>
      <c r="AS102" s="83">
        <v>0</v>
      </c>
      <c r="AT102" s="83">
        <v>0</v>
      </c>
      <c r="AU102" s="83">
        <v>0</v>
      </c>
      <c r="AV102" s="11" t="s">
        <v>555</v>
      </c>
      <c r="AW102" s="11" t="s">
        <v>556</v>
      </c>
      <c r="AX102" s="11">
        <v>0</v>
      </c>
      <c r="AY102" s="11">
        <v>0</v>
      </c>
      <c r="AZ102" s="11">
        <v>0</v>
      </c>
      <c r="BA102" s="11">
        <v>0</v>
      </c>
      <c r="BB102" s="11">
        <v>0</v>
      </c>
      <c r="BC102" s="11">
        <v>0</v>
      </c>
      <c r="BD102" s="83">
        <v>40496</v>
      </c>
      <c r="BE102" s="83">
        <v>0</v>
      </c>
      <c r="BF102" s="83">
        <v>0</v>
      </c>
      <c r="BG102" s="83">
        <v>0</v>
      </c>
      <c r="BH102" s="83">
        <v>0</v>
      </c>
      <c r="BI102" s="83">
        <v>0</v>
      </c>
      <c r="BJ102" s="83">
        <v>0</v>
      </c>
      <c r="BK102" s="83">
        <v>0</v>
      </c>
      <c r="BL102" s="11">
        <v>30</v>
      </c>
      <c r="BM102" s="83">
        <v>49960</v>
      </c>
      <c r="BN102" s="83">
        <v>125878</v>
      </c>
    </row>
    <row r="103" spans="1:66" x14ac:dyDescent="0.3">
      <c r="A103" s="78" t="s">
        <v>92</v>
      </c>
      <c r="B103" s="80">
        <v>60</v>
      </c>
      <c r="C103" s="80"/>
      <c r="D103" t="s">
        <v>557</v>
      </c>
      <c r="E103">
        <v>620</v>
      </c>
      <c r="G103" s="78" t="s">
        <v>92</v>
      </c>
      <c r="H103" s="80">
        <v>60</v>
      </c>
      <c r="I103" s="81" t="s">
        <v>351</v>
      </c>
      <c r="J103" s="81">
        <v>548</v>
      </c>
      <c r="K103" s="82">
        <v>28</v>
      </c>
      <c r="L103" s="86">
        <v>60</v>
      </c>
      <c r="M103" s="11">
        <v>548</v>
      </c>
      <c r="N103" s="11">
        <v>27</v>
      </c>
      <c r="O103" s="11" t="s">
        <v>259</v>
      </c>
      <c r="P103" s="11">
        <v>142</v>
      </c>
      <c r="Q103" s="11">
        <v>135</v>
      </c>
      <c r="R103" s="11">
        <v>0</v>
      </c>
      <c r="S103" s="11">
        <v>0</v>
      </c>
      <c r="T103" s="11">
        <v>0</v>
      </c>
      <c r="U103" s="11">
        <v>0</v>
      </c>
      <c r="V103" s="11">
        <v>0</v>
      </c>
      <c r="W103" s="11">
        <v>0</v>
      </c>
      <c r="X103" s="11" t="s">
        <v>256</v>
      </c>
      <c r="Y103" s="11" t="s">
        <v>256</v>
      </c>
      <c r="Z103" s="11">
        <v>0</v>
      </c>
      <c r="AA103" s="11">
        <v>0</v>
      </c>
      <c r="AB103" s="11">
        <v>0</v>
      </c>
      <c r="AC103" s="11">
        <v>0</v>
      </c>
      <c r="AD103" s="11">
        <v>0</v>
      </c>
      <c r="AE103" s="11">
        <v>0</v>
      </c>
      <c r="AF103" s="11" t="s">
        <v>558</v>
      </c>
      <c r="AG103" s="11" t="s">
        <v>559</v>
      </c>
      <c r="AH103" s="11">
        <v>0</v>
      </c>
      <c r="AI103" s="11">
        <v>0</v>
      </c>
      <c r="AJ103" s="11">
        <v>0</v>
      </c>
      <c r="AK103" s="11">
        <v>0</v>
      </c>
      <c r="AL103" s="11">
        <v>0</v>
      </c>
      <c r="AM103" s="11">
        <v>0</v>
      </c>
      <c r="AN103" s="83">
        <v>69454</v>
      </c>
      <c r="AO103" s="83">
        <v>69276</v>
      </c>
      <c r="AP103" s="83">
        <v>0</v>
      </c>
      <c r="AQ103" s="83">
        <v>0</v>
      </c>
      <c r="AR103" s="83">
        <v>0</v>
      </c>
      <c r="AS103" s="83">
        <v>0</v>
      </c>
      <c r="AT103" s="83">
        <v>0</v>
      </c>
      <c r="AU103" s="83">
        <v>0</v>
      </c>
      <c r="AV103" s="11" t="s">
        <v>558</v>
      </c>
      <c r="AW103" s="11" t="s">
        <v>559</v>
      </c>
      <c r="AX103" s="11">
        <v>0</v>
      </c>
      <c r="AY103" s="11">
        <v>0</v>
      </c>
      <c r="AZ103" s="11">
        <v>0</v>
      </c>
      <c r="BA103" s="11">
        <v>0</v>
      </c>
      <c r="BB103" s="11">
        <v>0</v>
      </c>
      <c r="BC103" s="11">
        <v>0</v>
      </c>
      <c r="BD103" s="83">
        <v>63742</v>
      </c>
      <c r="BE103" s="83">
        <v>62136</v>
      </c>
      <c r="BF103" s="83">
        <v>0</v>
      </c>
      <c r="BG103" s="83">
        <v>0</v>
      </c>
      <c r="BH103" s="83">
        <v>0</v>
      </c>
      <c r="BI103" s="83">
        <v>0</v>
      </c>
      <c r="BJ103" s="83">
        <v>0</v>
      </c>
      <c r="BK103" s="83">
        <v>0</v>
      </c>
      <c r="BL103" s="11">
        <v>27</v>
      </c>
      <c r="BM103" s="83">
        <v>138730</v>
      </c>
      <c r="BN103" s="83">
        <v>36872</v>
      </c>
    </row>
    <row r="104" spans="1:66" x14ac:dyDescent="0.3">
      <c r="A104" s="78" t="s">
        <v>92</v>
      </c>
      <c r="B104" s="80">
        <v>60</v>
      </c>
      <c r="C104" s="80"/>
      <c r="D104" t="s">
        <v>560</v>
      </c>
      <c r="E104">
        <v>622</v>
      </c>
      <c r="G104" s="78" t="s">
        <v>92</v>
      </c>
      <c r="H104" s="80">
        <v>60</v>
      </c>
      <c r="I104" s="81" t="s">
        <v>347</v>
      </c>
      <c r="J104" s="81">
        <v>546</v>
      </c>
      <c r="K104" s="82">
        <v>37</v>
      </c>
      <c r="L104" s="86">
        <v>60</v>
      </c>
      <c r="M104" s="11">
        <v>546</v>
      </c>
      <c r="N104" s="11">
        <v>34</v>
      </c>
      <c r="O104" s="11" t="s">
        <v>259</v>
      </c>
      <c r="P104" s="11">
        <v>112</v>
      </c>
      <c r="Q104" s="11">
        <v>60</v>
      </c>
      <c r="R104" s="11">
        <v>0</v>
      </c>
      <c r="S104" s="11">
        <v>0</v>
      </c>
      <c r="T104" s="11">
        <v>0</v>
      </c>
      <c r="U104" s="11">
        <v>0</v>
      </c>
      <c r="V104" s="11">
        <v>0</v>
      </c>
      <c r="W104" s="11">
        <v>0</v>
      </c>
      <c r="X104" s="11" t="s">
        <v>561</v>
      </c>
      <c r="Y104" s="11" t="s">
        <v>256</v>
      </c>
      <c r="Z104" s="11" t="s">
        <v>445</v>
      </c>
      <c r="AA104" s="11">
        <v>0</v>
      </c>
      <c r="AB104" s="11">
        <v>0</v>
      </c>
      <c r="AC104" s="11">
        <v>0</v>
      </c>
      <c r="AD104" s="11">
        <v>0</v>
      </c>
      <c r="AE104" s="11">
        <v>0</v>
      </c>
      <c r="AF104" s="11" t="s">
        <v>562</v>
      </c>
      <c r="AG104" s="11" t="s">
        <v>558</v>
      </c>
      <c r="AH104" s="11" t="s">
        <v>563</v>
      </c>
      <c r="AI104" s="11">
        <v>0</v>
      </c>
      <c r="AJ104" s="11">
        <v>0</v>
      </c>
      <c r="AK104" s="11">
        <v>0</v>
      </c>
      <c r="AL104" s="11">
        <v>0</v>
      </c>
      <c r="AM104" s="11">
        <v>0</v>
      </c>
      <c r="AN104" s="83">
        <v>16520</v>
      </c>
      <c r="AO104" s="83">
        <v>30348</v>
      </c>
      <c r="AP104" s="83">
        <v>4550</v>
      </c>
      <c r="AQ104" s="83">
        <v>0</v>
      </c>
      <c r="AR104" s="83">
        <v>0</v>
      </c>
      <c r="AS104" s="83">
        <v>0</v>
      </c>
      <c r="AT104" s="83">
        <v>0</v>
      </c>
      <c r="AU104" s="83">
        <v>0</v>
      </c>
      <c r="AV104" s="11" t="s">
        <v>564</v>
      </c>
      <c r="AW104" s="11" t="s">
        <v>565</v>
      </c>
      <c r="AX104" s="11" t="s">
        <v>566</v>
      </c>
      <c r="AY104" s="11">
        <v>0</v>
      </c>
      <c r="AZ104" s="11">
        <v>0</v>
      </c>
      <c r="BA104" s="11">
        <v>0</v>
      </c>
      <c r="BB104" s="11">
        <v>0</v>
      </c>
      <c r="BC104" s="11">
        <v>0</v>
      </c>
      <c r="BD104" s="83">
        <v>16520</v>
      </c>
      <c r="BE104" s="83">
        <v>20352</v>
      </c>
      <c r="BF104" s="83">
        <v>0</v>
      </c>
      <c r="BG104" s="83">
        <v>0</v>
      </c>
      <c r="BH104" s="83">
        <v>0</v>
      </c>
      <c r="BI104" s="83">
        <v>0</v>
      </c>
      <c r="BJ104" s="83">
        <v>0</v>
      </c>
      <c r="BK104" s="83">
        <v>0</v>
      </c>
      <c r="BL104" s="11">
        <v>47</v>
      </c>
      <c r="BM104" s="83">
        <v>51418</v>
      </c>
      <c r="BN104" s="83">
        <v>20574</v>
      </c>
    </row>
    <row r="105" spans="1:66" x14ac:dyDescent="0.3">
      <c r="A105" s="78" t="s">
        <v>93</v>
      </c>
      <c r="B105" s="80">
        <v>61</v>
      </c>
      <c r="C105" s="80"/>
      <c r="D105" t="s">
        <v>560</v>
      </c>
      <c r="E105">
        <v>622</v>
      </c>
      <c r="G105" s="78" t="s">
        <v>93</v>
      </c>
      <c r="H105" s="80">
        <v>61</v>
      </c>
      <c r="I105" s="81" t="s">
        <v>567</v>
      </c>
      <c r="J105" s="81">
        <v>642</v>
      </c>
      <c r="K105" s="82">
        <v>1</v>
      </c>
      <c r="L105" s="86"/>
      <c r="M105" s="11"/>
      <c r="N105" s="11"/>
      <c r="O105" s="11"/>
      <c r="P105" s="11"/>
      <c r="Q105" s="11"/>
      <c r="R105" s="11"/>
      <c r="S105" s="11"/>
      <c r="T105" s="11"/>
      <c r="U105" s="11"/>
      <c r="V105" s="11"/>
      <c r="W105" s="11"/>
      <c r="X105" s="11"/>
      <c r="Y105" s="11"/>
      <c r="Z105" s="11"/>
      <c r="AA105" s="11"/>
      <c r="AB105" s="11"/>
      <c r="AC105" s="11"/>
      <c r="AD105" s="11"/>
      <c r="AE105" s="11"/>
      <c r="AF105" s="11"/>
      <c r="AG105" s="11"/>
      <c r="AH105" s="11"/>
      <c r="AI105" s="11"/>
      <c r="AJ105" s="11"/>
      <c r="AK105" s="11"/>
      <c r="AL105" s="11"/>
      <c r="AM105" s="11"/>
      <c r="AN105" s="83"/>
      <c r="AO105" s="83"/>
      <c r="AP105" s="83"/>
      <c r="AQ105" s="83"/>
      <c r="AR105" s="83"/>
      <c r="AS105" s="83"/>
      <c r="AT105" s="83"/>
      <c r="AU105" s="83"/>
      <c r="AV105" s="11"/>
      <c r="AW105" s="11"/>
      <c r="AX105" s="11"/>
      <c r="AY105" s="11"/>
      <c r="AZ105" s="11"/>
      <c r="BA105" s="11"/>
      <c r="BB105" s="11"/>
      <c r="BC105" s="11"/>
      <c r="BD105" s="83"/>
      <c r="BE105" s="83"/>
      <c r="BF105" s="83"/>
      <c r="BG105" s="83"/>
      <c r="BH105" s="83"/>
      <c r="BI105" s="83"/>
      <c r="BJ105" s="83"/>
      <c r="BK105" s="83"/>
      <c r="BL105" s="11"/>
      <c r="BM105" s="83"/>
      <c r="BN105" s="83"/>
    </row>
    <row r="106" spans="1:66" x14ac:dyDescent="0.3">
      <c r="A106" s="78" t="s">
        <v>93</v>
      </c>
      <c r="B106" s="80">
        <v>61</v>
      </c>
      <c r="C106" s="80"/>
      <c r="D106" t="s">
        <v>568</v>
      </c>
      <c r="E106">
        <v>623</v>
      </c>
      <c r="G106" s="78" t="s">
        <v>93</v>
      </c>
      <c r="H106" s="80">
        <v>61</v>
      </c>
      <c r="I106" s="81" t="s">
        <v>569</v>
      </c>
      <c r="J106" s="81">
        <v>644</v>
      </c>
      <c r="K106" s="82">
        <v>46</v>
      </c>
      <c r="L106" s="86">
        <v>61</v>
      </c>
      <c r="M106" s="11">
        <v>644</v>
      </c>
      <c r="N106" s="11">
        <v>44</v>
      </c>
      <c r="O106" s="11" t="s">
        <v>259</v>
      </c>
      <c r="P106" s="11" t="s">
        <v>570</v>
      </c>
      <c r="Q106" s="11" t="s">
        <v>571</v>
      </c>
      <c r="R106" s="11" t="s">
        <v>572</v>
      </c>
      <c r="S106" s="11" t="s">
        <v>573</v>
      </c>
      <c r="T106" s="11" t="s">
        <v>574</v>
      </c>
      <c r="U106" s="11">
        <v>0</v>
      </c>
      <c r="V106" s="11">
        <v>0</v>
      </c>
      <c r="W106" s="11">
        <v>0</v>
      </c>
      <c r="X106" s="11" t="s">
        <v>575</v>
      </c>
      <c r="Y106" s="11" t="s">
        <v>575</v>
      </c>
      <c r="Z106" s="11" t="s">
        <v>575</v>
      </c>
      <c r="AA106" s="11" t="s">
        <v>576</v>
      </c>
      <c r="AB106" s="11" t="s">
        <v>576</v>
      </c>
      <c r="AC106" s="11">
        <v>0</v>
      </c>
      <c r="AD106" s="11">
        <v>0</v>
      </c>
      <c r="AE106" s="11">
        <v>0</v>
      </c>
      <c r="AF106" s="11" t="s">
        <v>577</v>
      </c>
      <c r="AG106" s="11" t="s">
        <v>578</v>
      </c>
      <c r="AH106" s="11" t="s">
        <v>579</v>
      </c>
      <c r="AI106" s="11" t="s">
        <v>580</v>
      </c>
      <c r="AJ106" s="11" t="s">
        <v>580</v>
      </c>
      <c r="AK106" s="11">
        <v>0</v>
      </c>
      <c r="AL106" s="11">
        <v>0</v>
      </c>
      <c r="AM106" s="11">
        <v>0</v>
      </c>
      <c r="AN106" s="83">
        <v>0</v>
      </c>
      <c r="AO106" s="83">
        <v>0</v>
      </c>
      <c r="AP106" s="83">
        <v>0</v>
      </c>
      <c r="AQ106" s="83">
        <v>2800</v>
      </c>
      <c r="AR106" s="83">
        <v>200</v>
      </c>
      <c r="AS106" s="83">
        <v>0</v>
      </c>
      <c r="AT106" s="83">
        <v>0</v>
      </c>
      <c r="AU106" s="83">
        <v>0</v>
      </c>
      <c r="AV106" s="11" t="s">
        <v>581</v>
      </c>
      <c r="AW106" s="11" t="s">
        <v>581</v>
      </c>
      <c r="AX106" s="11" t="s">
        <v>581</v>
      </c>
      <c r="AY106" s="11" t="s">
        <v>582</v>
      </c>
      <c r="AZ106" s="11" t="s">
        <v>582</v>
      </c>
      <c r="BA106" s="11">
        <v>0</v>
      </c>
      <c r="BB106" s="11">
        <v>0</v>
      </c>
      <c r="BC106" s="11">
        <v>0</v>
      </c>
      <c r="BD106" s="83">
        <v>14898.413793103447</v>
      </c>
      <c r="BE106" s="83">
        <v>5675.5862068965516</v>
      </c>
      <c r="BF106" s="83">
        <v>0</v>
      </c>
      <c r="BG106" s="83">
        <v>0</v>
      </c>
      <c r="BH106" s="83">
        <v>0</v>
      </c>
      <c r="BI106" s="83">
        <v>0</v>
      </c>
      <c r="BJ106" s="83">
        <v>0</v>
      </c>
      <c r="BK106" s="83">
        <v>0</v>
      </c>
      <c r="BL106" s="11">
        <v>44</v>
      </c>
      <c r="BM106" s="83">
        <v>3000</v>
      </c>
      <c r="BN106" s="83">
        <v>67083</v>
      </c>
    </row>
    <row r="107" spans="1:66" x14ac:dyDescent="0.3">
      <c r="A107" s="78" t="s">
        <v>93</v>
      </c>
      <c r="B107" s="80">
        <v>61</v>
      </c>
      <c r="C107" s="80"/>
      <c r="D107" t="s">
        <v>583</v>
      </c>
      <c r="E107">
        <v>624</v>
      </c>
      <c r="G107" s="78" t="s">
        <v>93</v>
      </c>
      <c r="H107" s="80">
        <v>61</v>
      </c>
      <c r="I107" s="81" t="s">
        <v>584</v>
      </c>
      <c r="J107" s="81">
        <v>650</v>
      </c>
      <c r="K107" s="82">
        <v>1</v>
      </c>
      <c r="L107" s="86"/>
      <c r="M107" s="11"/>
      <c r="N107" s="11"/>
      <c r="O107" s="11"/>
      <c r="P107" s="11"/>
      <c r="Q107" s="11"/>
      <c r="R107" s="11"/>
      <c r="S107" s="11"/>
      <c r="T107" s="11"/>
      <c r="U107" s="11"/>
      <c r="V107" s="11"/>
      <c r="W107" s="11"/>
      <c r="X107" s="11"/>
      <c r="Y107" s="11"/>
      <c r="Z107" s="11"/>
      <c r="AA107" s="11"/>
      <c r="AB107" s="11"/>
      <c r="AC107" s="11"/>
      <c r="AD107" s="11"/>
      <c r="AE107" s="11"/>
      <c r="AF107" s="11"/>
      <c r="AG107" s="11"/>
      <c r="AH107" s="11"/>
      <c r="AI107" s="11"/>
      <c r="AJ107" s="11"/>
      <c r="AK107" s="11"/>
      <c r="AL107" s="11"/>
      <c r="AM107" s="11"/>
      <c r="AN107" s="83"/>
      <c r="AO107" s="83"/>
      <c r="AP107" s="83"/>
      <c r="AQ107" s="83"/>
      <c r="AR107" s="83"/>
      <c r="AS107" s="83"/>
      <c r="AT107" s="83"/>
      <c r="AU107" s="83"/>
      <c r="AV107" s="11"/>
      <c r="AW107" s="11"/>
      <c r="AX107" s="11"/>
      <c r="AY107" s="11"/>
      <c r="AZ107" s="11"/>
      <c r="BA107" s="11"/>
      <c r="BB107" s="11"/>
      <c r="BC107" s="11"/>
      <c r="BD107" s="83"/>
      <c r="BE107" s="83"/>
      <c r="BF107" s="83"/>
      <c r="BG107" s="83"/>
      <c r="BH107" s="83"/>
      <c r="BI107" s="83"/>
      <c r="BJ107" s="83"/>
      <c r="BK107" s="83"/>
      <c r="BL107" s="11"/>
      <c r="BM107" s="83"/>
      <c r="BN107" s="83"/>
    </row>
    <row r="108" spans="1:66" x14ac:dyDescent="0.3">
      <c r="A108" s="78" t="s">
        <v>93</v>
      </c>
      <c r="B108" s="80">
        <v>61</v>
      </c>
      <c r="C108" s="80"/>
      <c r="D108" t="s">
        <v>585</v>
      </c>
      <c r="E108">
        <v>625</v>
      </c>
      <c r="G108" s="78" t="s">
        <v>93</v>
      </c>
      <c r="H108" s="80">
        <v>61</v>
      </c>
      <c r="I108" s="81" t="s">
        <v>586</v>
      </c>
      <c r="J108" s="81">
        <v>656</v>
      </c>
      <c r="K108" s="82">
        <v>64</v>
      </c>
      <c r="L108" s="11">
        <v>61</v>
      </c>
      <c r="M108" s="11">
        <v>656</v>
      </c>
      <c r="N108" s="11">
        <v>73</v>
      </c>
      <c r="O108" s="11" t="s">
        <v>204</v>
      </c>
      <c r="P108" s="11">
        <v>3</v>
      </c>
      <c r="Q108" s="11">
        <v>3.7</v>
      </c>
      <c r="R108" s="11">
        <v>4.8</v>
      </c>
      <c r="S108" s="11">
        <v>1.6</v>
      </c>
      <c r="T108" s="11">
        <v>1.4</v>
      </c>
      <c r="U108" s="11">
        <v>0</v>
      </c>
      <c r="V108" s="11">
        <v>0</v>
      </c>
      <c r="W108" s="11">
        <v>0</v>
      </c>
      <c r="X108" s="11" t="s">
        <v>587</v>
      </c>
      <c r="Y108" s="11" t="s">
        <v>587</v>
      </c>
      <c r="Z108" s="11" t="s">
        <v>587</v>
      </c>
      <c r="AA108" s="11" t="s">
        <v>588</v>
      </c>
      <c r="AB108" s="11" t="s">
        <v>588</v>
      </c>
      <c r="AC108" s="11">
        <v>0</v>
      </c>
      <c r="AD108" s="11">
        <v>0</v>
      </c>
      <c r="AE108" s="11">
        <v>0</v>
      </c>
      <c r="AF108" s="11" t="s">
        <v>589</v>
      </c>
      <c r="AG108" s="11" t="s">
        <v>589</v>
      </c>
      <c r="AH108" s="11" t="s">
        <v>589</v>
      </c>
      <c r="AI108" s="11" t="s">
        <v>590</v>
      </c>
      <c r="AJ108" s="11" t="s">
        <v>590</v>
      </c>
      <c r="AK108" s="11">
        <v>0</v>
      </c>
      <c r="AL108" s="11">
        <v>0</v>
      </c>
      <c r="AM108" s="11">
        <v>0</v>
      </c>
      <c r="AN108" s="83">
        <v>6000</v>
      </c>
      <c r="AO108" s="83">
        <v>400</v>
      </c>
      <c r="AP108" s="83">
        <v>1400</v>
      </c>
      <c r="AQ108" s="83">
        <v>0</v>
      </c>
      <c r="AR108" s="83">
        <v>0</v>
      </c>
      <c r="AS108" s="83">
        <v>0</v>
      </c>
      <c r="AT108" s="83">
        <v>0</v>
      </c>
      <c r="AU108" s="83">
        <v>0</v>
      </c>
      <c r="AV108" s="11" t="s">
        <v>591</v>
      </c>
      <c r="AW108" s="11" t="s">
        <v>591</v>
      </c>
      <c r="AX108" s="11" t="s">
        <v>591</v>
      </c>
      <c r="AY108" s="11" t="s">
        <v>592</v>
      </c>
      <c r="AZ108" s="11" t="s">
        <v>593</v>
      </c>
      <c r="BA108" s="11">
        <v>0</v>
      </c>
      <c r="BB108" s="11">
        <v>0</v>
      </c>
      <c r="BC108" s="11">
        <v>0</v>
      </c>
      <c r="BD108" s="83">
        <v>0</v>
      </c>
      <c r="BE108" s="83">
        <v>0</v>
      </c>
      <c r="BF108" s="83">
        <v>0</v>
      </c>
      <c r="BG108" s="83">
        <v>51298.76470588235</v>
      </c>
      <c r="BH108" s="83">
        <v>15784.235294117647</v>
      </c>
      <c r="BI108" s="83">
        <v>0</v>
      </c>
      <c r="BJ108" s="83">
        <v>0</v>
      </c>
      <c r="BK108" s="83">
        <v>0</v>
      </c>
      <c r="BL108" s="11">
        <v>73</v>
      </c>
      <c r="BM108" s="83">
        <v>7800</v>
      </c>
      <c r="BN108" s="83">
        <v>20000</v>
      </c>
    </row>
    <row r="109" spans="1:66" x14ac:dyDescent="0.3">
      <c r="A109" s="78" t="s">
        <v>93</v>
      </c>
      <c r="B109" s="80">
        <v>61</v>
      </c>
      <c r="C109" s="80"/>
      <c r="D109" t="s">
        <v>594</v>
      </c>
      <c r="E109">
        <v>626</v>
      </c>
      <c r="G109" s="78" t="s">
        <v>93</v>
      </c>
      <c r="H109" s="80">
        <v>61</v>
      </c>
      <c r="I109" s="81" t="s">
        <v>427</v>
      </c>
      <c r="J109" s="81">
        <v>653</v>
      </c>
      <c r="K109" s="82">
        <v>1</v>
      </c>
      <c r="L109" s="11"/>
      <c r="M109" s="11"/>
      <c r="N109" s="11"/>
      <c r="O109" s="11"/>
      <c r="P109" s="11"/>
      <c r="Q109" s="11"/>
      <c r="R109" s="11"/>
      <c r="S109" s="11"/>
      <c r="T109" s="11"/>
      <c r="U109" s="11"/>
      <c r="V109" s="11"/>
      <c r="W109" s="11"/>
      <c r="X109" s="11"/>
      <c r="Y109" s="11"/>
      <c r="Z109" s="11"/>
      <c r="AA109" s="11"/>
      <c r="AB109" s="11"/>
      <c r="AC109" s="11"/>
      <c r="AD109" s="11"/>
      <c r="AE109" s="11"/>
      <c r="AF109" s="11"/>
      <c r="AG109" s="11"/>
      <c r="AH109" s="11"/>
      <c r="AI109" s="11"/>
      <c r="AJ109" s="11"/>
      <c r="AK109" s="11"/>
      <c r="AL109" s="11"/>
      <c r="AM109" s="11"/>
      <c r="AN109" s="83"/>
      <c r="AO109" s="83"/>
      <c r="AP109" s="83"/>
      <c r="AQ109" s="83"/>
      <c r="AR109" s="83"/>
      <c r="AS109" s="83"/>
      <c r="AT109" s="83"/>
      <c r="AU109" s="83"/>
      <c r="AV109" s="11"/>
      <c r="AW109" s="11"/>
      <c r="AX109" s="11"/>
      <c r="AY109" s="11"/>
      <c r="AZ109" s="11"/>
      <c r="BA109" s="11"/>
      <c r="BB109" s="11"/>
      <c r="BC109" s="11"/>
      <c r="BD109" s="83"/>
      <c r="BE109" s="83"/>
      <c r="BF109" s="83"/>
      <c r="BG109" s="83"/>
      <c r="BH109" s="83"/>
      <c r="BI109" s="83"/>
      <c r="BJ109" s="83"/>
      <c r="BK109" s="83"/>
      <c r="BL109" s="11"/>
      <c r="BM109" s="83"/>
      <c r="BN109" s="83"/>
    </row>
    <row r="110" spans="1:66" x14ac:dyDescent="0.3">
      <c r="A110" s="78" t="s">
        <v>165</v>
      </c>
      <c r="B110" s="80">
        <v>62</v>
      </c>
      <c r="C110" s="80"/>
      <c r="D110" t="s">
        <v>595</v>
      </c>
      <c r="E110">
        <v>630</v>
      </c>
      <c r="G110" s="78" t="s">
        <v>165</v>
      </c>
      <c r="H110" s="80">
        <v>62</v>
      </c>
      <c r="I110" s="81" t="s">
        <v>596</v>
      </c>
      <c r="J110" s="81">
        <v>640</v>
      </c>
      <c r="K110" s="82">
        <v>28</v>
      </c>
      <c r="L110" s="86">
        <v>62</v>
      </c>
      <c r="M110" s="11">
        <v>640</v>
      </c>
      <c r="N110" s="11">
        <v>26</v>
      </c>
      <c r="O110" s="11" t="s">
        <v>259</v>
      </c>
      <c r="P110" s="11">
        <v>5.6</v>
      </c>
      <c r="Q110" s="11">
        <v>15.3</v>
      </c>
      <c r="R110" s="11">
        <v>14.3</v>
      </c>
      <c r="S110" s="11">
        <v>0</v>
      </c>
      <c r="T110" s="11">
        <v>0</v>
      </c>
      <c r="U110" s="11">
        <v>0</v>
      </c>
      <c r="V110" s="11">
        <v>0</v>
      </c>
      <c r="W110" s="11">
        <v>0</v>
      </c>
      <c r="X110" s="11" t="s">
        <v>597</v>
      </c>
      <c r="Y110" s="11" t="s">
        <v>597</v>
      </c>
      <c r="Z110" s="11" t="s">
        <v>597</v>
      </c>
      <c r="AA110" s="11">
        <v>0</v>
      </c>
      <c r="AB110" s="11">
        <v>0</v>
      </c>
      <c r="AC110" s="11">
        <v>0</v>
      </c>
      <c r="AD110" s="11">
        <v>0</v>
      </c>
      <c r="AE110" s="11">
        <v>0</v>
      </c>
      <c r="AF110" s="11" t="s">
        <v>598</v>
      </c>
      <c r="AG110" s="11" t="s">
        <v>598</v>
      </c>
      <c r="AH110" s="11" t="s">
        <v>598</v>
      </c>
      <c r="AI110" s="11">
        <v>0</v>
      </c>
      <c r="AJ110" s="11">
        <v>0</v>
      </c>
      <c r="AK110" s="11">
        <v>0</v>
      </c>
      <c r="AL110" s="11">
        <v>0</v>
      </c>
      <c r="AM110" s="11">
        <v>0</v>
      </c>
      <c r="AN110" s="83">
        <v>1602</v>
      </c>
      <c r="AO110" s="83">
        <v>1287</v>
      </c>
      <c r="AP110" s="83">
        <v>3127</v>
      </c>
      <c r="AQ110" s="83">
        <v>0</v>
      </c>
      <c r="AR110" s="83">
        <v>0</v>
      </c>
      <c r="AS110" s="83">
        <v>0</v>
      </c>
      <c r="AT110" s="83">
        <v>0</v>
      </c>
      <c r="AU110" s="83">
        <v>0</v>
      </c>
      <c r="AV110" s="11">
        <v>0</v>
      </c>
      <c r="AW110" s="11">
        <v>0</v>
      </c>
      <c r="AX110" s="11">
        <v>0</v>
      </c>
      <c r="AY110" s="11" t="s">
        <v>599</v>
      </c>
      <c r="AZ110" s="11" t="s">
        <v>599</v>
      </c>
      <c r="BA110" s="11">
        <v>0</v>
      </c>
      <c r="BB110" s="11">
        <v>0</v>
      </c>
      <c r="BC110" s="11">
        <v>0</v>
      </c>
      <c r="BD110" s="83">
        <v>0</v>
      </c>
      <c r="BE110" s="83">
        <v>0</v>
      </c>
      <c r="BF110" s="83">
        <v>0</v>
      </c>
      <c r="BG110" s="83">
        <v>900</v>
      </c>
      <c r="BH110" s="83">
        <v>450</v>
      </c>
      <c r="BI110" s="83">
        <v>0</v>
      </c>
      <c r="BJ110" s="83">
        <v>0</v>
      </c>
      <c r="BK110" s="83">
        <v>0</v>
      </c>
      <c r="BL110" s="11">
        <v>26</v>
      </c>
      <c r="BM110" s="83">
        <v>6016</v>
      </c>
      <c r="BN110" s="83">
        <v>0</v>
      </c>
    </row>
    <row r="111" spans="1:66" x14ac:dyDescent="0.3">
      <c r="A111" s="78" t="s">
        <v>165</v>
      </c>
      <c r="B111" s="80">
        <v>62</v>
      </c>
      <c r="C111" s="80"/>
      <c r="D111" t="s">
        <v>600</v>
      </c>
      <c r="E111">
        <v>631</v>
      </c>
      <c r="G111" s="78" t="s">
        <v>165</v>
      </c>
      <c r="H111" s="80">
        <v>62</v>
      </c>
      <c r="I111" s="81" t="s">
        <v>601</v>
      </c>
      <c r="J111" s="81">
        <v>636</v>
      </c>
      <c r="K111" s="82">
        <v>1</v>
      </c>
      <c r="L111" s="86"/>
      <c r="M111" s="11"/>
      <c r="N111" s="11"/>
      <c r="O111" s="11"/>
      <c r="P111" s="11"/>
      <c r="Q111" s="11"/>
      <c r="R111" s="11"/>
      <c r="S111" s="11"/>
      <c r="T111" s="11"/>
      <c r="U111" s="11"/>
      <c r="V111" s="11"/>
      <c r="W111" s="11"/>
      <c r="X111" s="11"/>
      <c r="Y111" s="11"/>
      <c r="Z111" s="11"/>
      <c r="AA111" s="11"/>
      <c r="AB111" s="11"/>
      <c r="AC111" s="11"/>
      <c r="AD111" s="11"/>
      <c r="AE111" s="11"/>
      <c r="AF111" s="11"/>
      <c r="AG111" s="11"/>
      <c r="AH111" s="11"/>
      <c r="AI111" s="11"/>
      <c r="AJ111" s="11"/>
      <c r="AK111" s="11"/>
      <c r="AL111" s="11"/>
      <c r="AM111" s="11"/>
      <c r="AN111" s="83"/>
      <c r="AO111" s="83"/>
      <c r="AP111" s="83"/>
      <c r="AQ111" s="83"/>
      <c r="AR111" s="83"/>
      <c r="AS111" s="83"/>
      <c r="AT111" s="83"/>
      <c r="AU111" s="83"/>
      <c r="AV111" s="11"/>
      <c r="AW111" s="11"/>
      <c r="AX111" s="11"/>
      <c r="AY111" s="11"/>
      <c r="AZ111" s="11"/>
      <c r="BA111" s="11"/>
      <c r="BB111" s="11"/>
      <c r="BC111" s="11"/>
      <c r="BD111" s="83"/>
      <c r="BE111" s="83"/>
      <c r="BF111" s="83"/>
      <c r="BG111" s="83"/>
      <c r="BH111" s="83"/>
      <c r="BI111" s="83"/>
      <c r="BJ111" s="83"/>
      <c r="BK111" s="83"/>
      <c r="BL111" s="11"/>
      <c r="BM111" s="83"/>
      <c r="BN111" s="83"/>
    </row>
    <row r="112" spans="1:66" x14ac:dyDescent="0.3">
      <c r="A112" s="78" t="s">
        <v>165</v>
      </c>
      <c r="B112" s="80">
        <v>62</v>
      </c>
      <c r="C112" s="80"/>
      <c r="D112" t="s">
        <v>602</v>
      </c>
      <c r="E112">
        <v>633</v>
      </c>
      <c r="G112" s="78" t="s">
        <v>165</v>
      </c>
      <c r="H112" s="80">
        <v>62</v>
      </c>
      <c r="I112" s="81" t="s">
        <v>603</v>
      </c>
      <c r="J112" s="81">
        <v>658</v>
      </c>
      <c r="K112" s="82">
        <v>35</v>
      </c>
      <c r="L112" s="86">
        <v>62</v>
      </c>
      <c r="M112" s="11">
        <v>658</v>
      </c>
      <c r="N112" s="11">
        <v>29</v>
      </c>
      <c r="O112" s="11" t="s">
        <v>204</v>
      </c>
      <c r="P112" s="11">
        <v>5</v>
      </c>
      <c r="Q112" s="11">
        <v>74</v>
      </c>
      <c r="R112" s="11">
        <v>77.2</v>
      </c>
      <c r="S112" s="11">
        <v>79.2</v>
      </c>
      <c r="T112" s="11">
        <v>0</v>
      </c>
      <c r="U112" s="11">
        <v>0</v>
      </c>
      <c r="V112" s="11">
        <v>0</v>
      </c>
      <c r="W112" s="11">
        <v>0</v>
      </c>
      <c r="X112" s="11" t="s">
        <v>604</v>
      </c>
      <c r="Y112" s="11" t="s">
        <v>597</v>
      </c>
      <c r="Z112" s="11" t="s">
        <v>597</v>
      </c>
      <c r="AA112" s="11" t="s">
        <v>597</v>
      </c>
      <c r="AB112" s="11">
        <v>0</v>
      </c>
      <c r="AC112" s="11">
        <v>0</v>
      </c>
      <c r="AD112" s="11">
        <v>0</v>
      </c>
      <c r="AE112" s="11">
        <v>0</v>
      </c>
      <c r="AF112" s="11" t="s">
        <v>605</v>
      </c>
      <c r="AG112" s="11" t="s">
        <v>598</v>
      </c>
      <c r="AH112" s="11" t="s">
        <v>598</v>
      </c>
      <c r="AI112" s="11" t="s">
        <v>598</v>
      </c>
      <c r="AJ112" s="11">
        <v>0</v>
      </c>
      <c r="AK112" s="11">
        <v>0</v>
      </c>
      <c r="AL112" s="11">
        <v>0</v>
      </c>
      <c r="AM112" s="11">
        <v>0</v>
      </c>
      <c r="AN112" s="83" t="s">
        <v>606</v>
      </c>
      <c r="AO112" s="83">
        <v>10568</v>
      </c>
      <c r="AP112" s="83">
        <v>44158</v>
      </c>
      <c r="AQ112" s="83">
        <v>28314</v>
      </c>
      <c r="AR112" s="83">
        <v>0</v>
      </c>
      <c r="AS112" s="83">
        <v>0</v>
      </c>
      <c r="AT112" s="83">
        <v>0</v>
      </c>
      <c r="AU112" s="83">
        <v>0</v>
      </c>
      <c r="AV112" s="11" t="s">
        <v>607</v>
      </c>
      <c r="AW112" s="11">
        <v>0</v>
      </c>
      <c r="AX112" s="11">
        <v>0</v>
      </c>
      <c r="AY112" s="11">
        <v>0</v>
      </c>
      <c r="AZ112" s="11">
        <v>0</v>
      </c>
      <c r="BA112" s="11">
        <v>0</v>
      </c>
      <c r="BB112" s="11">
        <v>0</v>
      </c>
      <c r="BC112" s="11">
        <v>0</v>
      </c>
      <c r="BD112" s="83">
        <v>20000</v>
      </c>
      <c r="BE112" s="83">
        <v>0</v>
      </c>
      <c r="BF112" s="83">
        <v>0</v>
      </c>
      <c r="BG112" s="83">
        <v>0</v>
      </c>
      <c r="BH112" s="83">
        <v>0</v>
      </c>
      <c r="BI112" s="83">
        <v>0</v>
      </c>
      <c r="BJ112" s="83">
        <v>0</v>
      </c>
      <c r="BK112" s="83">
        <v>0</v>
      </c>
      <c r="BL112" s="11">
        <v>29</v>
      </c>
      <c r="BM112" s="83">
        <v>83040</v>
      </c>
      <c r="BN112" s="83">
        <v>1350</v>
      </c>
    </row>
    <row r="113" spans="1:66" x14ac:dyDescent="0.3">
      <c r="A113" s="78" t="s">
        <v>165</v>
      </c>
      <c r="B113" s="80">
        <v>62</v>
      </c>
      <c r="C113" s="80"/>
      <c r="D113" t="s">
        <v>66</v>
      </c>
      <c r="E113">
        <v>634</v>
      </c>
      <c r="G113" s="78" t="s">
        <v>165</v>
      </c>
      <c r="H113" s="80">
        <v>62</v>
      </c>
      <c r="I113" s="81" t="s">
        <v>608</v>
      </c>
      <c r="J113" s="81">
        <v>657</v>
      </c>
      <c r="K113" s="82">
        <v>28</v>
      </c>
      <c r="L113" s="86">
        <v>62</v>
      </c>
      <c r="M113" s="11">
        <v>657</v>
      </c>
      <c r="N113" s="11">
        <v>19</v>
      </c>
      <c r="O113" s="11" t="s">
        <v>259</v>
      </c>
      <c r="P113" s="11">
        <v>5.6</v>
      </c>
      <c r="Q113" s="11">
        <v>2</v>
      </c>
      <c r="R113" s="11">
        <v>5.3</v>
      </c>
      <c r="S113" s="11">
        <v>1</v>
      </c>
      <c r="T113" s="11">
        <v>4.8</v>
      </c>
      <c r="U113" s="11">
        <v>5.9</v>
      </c>
      <c r="V113" s="11">
        <v>21.4</v>
      </c>
      <c r="W113" s="11">
        <v>0</v>
      </c>
      <c r="X113" s="11" t="s">
        <v>609</v>
      </c>
      <c r="Y113" s="11" t="s">
        <v>604</v>
      </c>
      <c r="Z113" s="11" t="s">
        <v>609</v>
      </c>
      <c r="AA113" s="11" t="s">
        <v>604</v>
      </c>
      <c r="AB113" s="11" t="s">
        <v>609</v>
      </c>
      <c r="AC113" s="11" t="s">
        <v>609</v>
      </c>
      <c r="AD113" s="11">
        <v>0</v>
      </c>
      <c r="AE113" s="11">
        <v>0</v>
      </c>
      <c r="AF113" s="11" t="s">
        <v>610</v>
      </c>
      <c r="AG113" s="11" t="s">
        <v>611</v>
      </c>
      <c r="AH113" s="11" t="s">
        <v>610</v>
      </c>
      <c r="AI113" s="11" t="s">
        <v>611</v>
      </c>
      <c r="AJ113" s="11" t="s">
        <v>610</v>
      </c>
      <c r="AK113" s="11" t="s">
        <v>610</v>
      </c>
      <c r="AL113" s="11" t="s">
        <v>612</v>
      </c>
      <c r="AM113" s="11">
        <v>0</v>
      </c>
      <c r="AN113" s="83">
        <v>80</v>
      </c>
      <c r="AO113" s="83">
        <v>0</v>
      </c>
      <c r="AP113" s="83">
        <v>152</v>
      </c>
      <c r="AQ113" s="83">
        <v>0</v>
      </c>
      <c r="AR113" s="83">
        <v>172</v>
      </c>
      <c r="AS113" s="83">
        <v>127</v>
      </c>
      <c r="AT113" s="83">
        <v>1350</v>
      </c>
      <c r="AU113" s="83">
        <v>0</v>
      </c>
      <c r="AV113" s="11">
        <v>0</v>
      </c>
      <c r="AW113" s="11">
        <v>0</v>
      </c>
      <c r="AX113" s="11">
        <v>0</v>
      </c>
      <c r="AY113" s="11">
        <v>0</v>
      </c>
      <c r="AZ113" s="11">
        <v>0</v>
      </c>
      <c r="BA113" s="11">
        <v>0</v>
      </c>
      <c r="BB113" s="11" t="s">
        <v>613</v>
      </c>
      <c r="BC113" s="11">
        <v>0</v>
      </c>
      <c r="BD113" s="83">
        <v>0</v>
      </c>
      <c r="BE113" s="83">
        <v>0</v>
      </c>
      <c r="BF113" s="83">
        <v>0</v>
      </c>
      <c r="BG113" s="83">
        <v>0</v>
      </c>
      <c r="BH113" s="83">
        <v>0</v>
      </c>
      <c r="BI113" s="83">
        <v>0</v>
      </c>
      <c r="BJ113" s="83">
        <v>0</v>
      </c>
      <c r="BK113" s="83">
        <v>0</v>
      </c>
      <c r="BL113" s="11">
        <v>21</v>
      </c>
      <c r="BM113" s="83">
        <v>1881</v>
      </c>
      <c r="BN113" s="83">
        <v>0</v>
      </c>
    </row>
    <row r="114" spans="1:66" x14ac:dyDescent="0.3">
      <c r="A114" s="78" t="s">
        <v>165</v>
      </c>
      <c r="B114" s="80">
        <v>62</v>
      </c>
      <c r="C114" s="80"/>
      <c r="D114" t="s">
        <v>601</v>
      </c>
      <c r="E114">
        <v>636</v>
      </c>
      <c r="G114" s="78" t="s">
        <v>165</v>
      </c>
      <c r="H114" s="80">
        <v>62</v>
      </c>
      <c r="I114" s="81" t="s">
        <v>337</v>
      </c>
      <c r="J114" s="81">
        <v>714</v>
      </c>
      <c r="K114" s="82">
        <v>1</v>
      </c>
    </row>
    <row r="115" spans="1:66" x14ac:dyDescent="0.3">
      <c r="A115" s="78" t="s">
        <v>166</v>
      </c>
      <c r="B115" s="80">
        <v>63</v>
      </c>
      <c r="C115" s="80"/>
      <c r="D115" t="s">
        <v>614</v>
      </c>
      <c r="E115">
        <v>636</v>
      </c>
      <c r="G115" s="78" t="s">
        <v>166</v>
      </c>
      <c r="H115" s="80">
        <v>63</v>
      </c>
      <c r="I115" s="81" t="s">
        <v>567</v>
      </c>
      <c r="J115" s="81">
        <v>642</v>
      </c>
      <c r="K115" s="82">
        <v>1</v>
      </c>
    </row>
    <row r="116" spans="1:66" x14ac:dyDescent="0.3">
      <c r="A116" s="78" t="s">
        <v>166</v>
      </c>
      <c r="B116" s="80">
        <v>63</v>
      </c>
      <c r="C116" s="80"/>
      <c r="D116" t="s">
        <v>615</v>
      </c>
      <c r="E116">
        <v>638</v>
      </c>
      <c r="G116" s="78" t="s">
        <v>166</v>
      </c>
      <c r="H116" s="80">
        <v>63</v>
      </c>
      <c r="I116" s="81" t="s">
        <v>569</v>
      </c>
      <c r="J116" s="81">
        <v>644</v>
      </c>
      <c r="K116" s="82">
        <v>1</v>
      </c>
    </row>
    <row r="117" spans="1:66" x14ac:dyDescent="0.3">
      <c r="A117" s="78" t="s">
        <v>166</v>
      </c>
      <c r="B117" s="80">
        <v>63</v>
      </c>
      <c r="C117" s="80"/>
      <c r="D117" t="s">
        <v>67</v>
      </c>
      <c r="E117">
        <v>639</v>
      </c>
      <c r="G117" s="78" t="s">
        <v>166</v>
      </c>
      <c r="H117" s="80">
        <v>63</v>
      </c>
      <c r="I117" s="81" t="s">
        <v>427</v>
      </c>
      <c r="J117" s="81">
        <v>653</v>
      </c>
      <c r="K117" s="82">
        <v>261</v>
      </c>
      <c r="L117" s="86">
        <v>63</v>
      </c>
      <c r="M117" s="11">
        <v>653</v>
      </c>
      <c r="N117" s="11">
        <v>0</v>
      </c>
      <c r="O117" s="11" t="s">
        <v>259</v>
      </c>
      <c r="P117" s="11">
        <v>3</v>
      </c>
      <c r="Q117" s="11">
        <v>2.1</v>
      </c>
      <c r="R117" s="11">
        <v>2.8</v>
      </c>
      <c r="S117" s="11">
        <v>6.3</v>
      </c>
      <c r="T117" s="11">
        <v>5.8</v>
      </c>
      <c r="U117" s="11">
        <v>8.9</v>
      </c>
      <c r="V117" s="11">
        <v>17</v>
      </c>
      <c r="W117" s="11">
        <v>14</v>
      </c>
      <c r="X117" s="11" t="s">
        <v>421</v>
      </c>
      <c r="Y117" s="11" t="s">
        <v>421</v>
      </c>
      <c r="Z117" s="11" t="s">
        <v>421</v>
      </c>
      <c r="AA117" s="11" t="s">
        <v>421</v>
      </c>
      <c r="AB117" s="11" t="s">
        <v>421</v>
      </c>
      <c r="AC117" s="11" t="s">
        <v>421</v>
      </c>
      <c r="AD117" s="11" t="s">
        <v>421</v>
      </c>
      <c r="AE117" s="11">
        <v>0</v>
      </c>
      <c r="AF117" s="11" t="s">
        <v>616</v>
      </c>
      <c r="AG117" s="11" t="s">
        <v>616</v>
      </c>
      <c r="AH117" s="11" t="s">
        <v>617</v>
      </c>
      <c r="AI117" s="11" t="s">
        <v>618</v>
      </c>
      <c r="AJ117" s="11" t="s">
        <v>619</v>
      </c>
      <c r="AK117" s="11" t="s">
        <v>619</v>
      </c>
      <c r="AL117" s="11" t="s">
        <v>619</v>
      </c>
      <c r="AM117" s="11" t="s">
        <v>619</v>
      </c>
      <c r="AN117" s="83">
        <v>4480</v>
      </c>
      <c r="AO117" s="83">
        <v>4320</v>
      </c>
      <c r="AP117" s="83">
        <v>1740</v>
      </c>
      <c r="AQ117" s="83">
        <v>0</v>
      </c>
      <c r="AR117" s="83">
        <v>320</v>
      </c>
      <c r="AS117" s="83">
        <v>480</v>
      </c>
      <c r="AT117" s="83">
        <v>480</v>
      </c>
      <c r="AU117" s="83">
        <v>480</v>
      </c>
      <c r="AV117" s="11">
        <v>0</v>
      </c>
      <c r="AW117" s="11">
        <v>0</v>
      </c>
      <c r="AX117" s="11">
        <v>0</v>
      </c>
      <c r="AY117" s="11">
        <v>0</v>
      </c>
      <c r="AZ117" s="11">
        <v>0</v>
      </c>
      <c r="BA117" s="11">
        <v>0</v>
      </c>
      <c r="BB117" s="11">
        <v>0</v>
      </c>
      <c r="BC117" s="11">
        <v>0</v>
      </c>
      <c r="BD117" s="83">
        <v>0</v>
      </c>
      <c r="BE117" s="83">
        <v>0</v>
      </c>
      <c r="BF117" s="83">
        <v>0</v>
      </c>
      <c r="BG117" s="83">
        <v>0</v>
      </c>
      <c r="BH117" s="83">
        <v>0</v>
      </c>
      <c r="BI117" s="83">
        <v>0</v>
      </c>
      <c r="BJ117" s="83">
        <v>0</v>
      </c>
      <c r="BK117" s="83">
        <v>0</v>
      </c>
      <c r="BL117" s="11">
        <v>106</v>
      </c>
      <c r="BM117" s="83">
        <v>12300</v>
      </c>
      <c r="BN117" s="83">
        <v>69375</v>
      </c>
    </row>
    <row r="118" spans="1:66" x14ac:dyDescent="0.3">
      <c r="A118" s="78" t="s">
        <v>166</v>
      </c>
      <c r="B118" s="80">
        <v>63</v>
      </c>
      <c r="C118" s="80"/>
      <c r="D118" t="s">
        <v>596</v>
      </c>
      <c r="E118">
        <v>640</v>
      </c>
      <c r="G118" s="78" t="s">
        <v>166</v>
      </c>
      <c r="H118" s="80">
        <v>63</v>
      </c>
      <c r="I118" s="81" t="s">
        <v>337</v>
      </c>
      <c r="J118" s="81">
        <v>714</v>
      </c>
      <c r="K118" s="82">
        <v>1</v>
      </c>
      <c r="L118" s="86"/>
      <c r="M118" s="11"/>
      <c r="N118" s="11"/>
      <c r="O118" s="11"/>
      <c r="P118" s="11"/>
      <c r="Q118" s="11"/>
      <c r="R118" s="11"/>
      <c r="S118" s="11"/>
      <c r="T118" s="11"/>
      <c r="U118" s="11"/>
      <c r="V118" s="11"/>
      <c r="W118" s="11"/>
      <c r="X118" s="11"/>
      <c r="Y118" s="11"/>
      <c r="Z118" s="11"/>
      <c r="AA118" s="11"/>
      <c r="AB118" s="11"/>
      <c r="AC118" s="11"/>
      <c r="AD118" s="11"/>
      <c r="AE118" s="11"/>
      <c r="AF118" s="11"/>
      <c r="AG118" s="11"/>
      <c r="AH118" s="11"/>
      <c r="AI118" s="11"/>
      <c r="AJ118" s="11"/>
      <c r="AK118" s="11"/>
      <c r="AL118" s="11"/>
      <c r="AM118" s="11"/>
      <c r="AN118" s="83"/>
      <c r="AO118" s="83"/>
      <c r="AP118" s="83"/>
      <c r="AQ118" s="83"/>
      <c r="AR118" s="83"/>
      <c r="AS118" s="83"/>
      <c r="AT118" s="83"/>
      <c r="AU118" s="83"/>
      <c r="AV118" s="11"/>
      <c r="AW118" s="11"/>
      <c r="AX118" s="11"/>
      <c r="AY118" s="11"/>
      <c r="AZ118" s="11"/>
      <c r="BA118" s="11"/>
      <c r="BB118" s="11"/>
      <c r="BC118" s="11"/>
      <c r="BD118" s="83"/>
      <c r="BE118" s="83"/>
      <c r="BF118" s="83"/>
      <c r="BG118" s="83"/>
      <c r="BH118" s="83"/>
      <c r="BI118" s="83"/>
      <c r="BJ118" s="83"/>
      <c r="BK118" s="83"/>
      <c r="BL118" s="11"/>
      <c r="BM118" s="83"/>
      <c r="BN118" s="83"/>
    </row>
    <row r="119" spans="1:66" x14ac:dyDescent="0.3">
      <c r="A119" s="78" t="s">
        <v>166</v>
      </c>
      <c r="B119" s="80">
        <v>63</v>
      </c>
      <c r="C119" s="80"/>
      <c r="D119" t="s">
        <v>620</v>
      </c>
      <c r="E119">
        <v>641</v>
      </c>
      <c r="G119" s="78" t="s">
        <v>166</v>
      </c>
      <c r="H119" s="80">
        <v>63</v>
      </c>
      <c r="I119" s="81" t="s">
        <v>68</v>
      </c>
      <c r="J119" s="81">
        <v>654</v>
      </c>
      <c r="K119" s="82"/>
      <c r="L119" s="86">
        <v>63</v>
      </c>
      <c r="M119" s="11">
        <v>654</v>
      </c>
      <c r="N119" s="11">
        <v>0</v>
      </c>
      <c r="O119" s="11" t="s">
        <v>259</v>
      </c>
      <c r="P119" s="11">
        <v>6.7</v>
      </c>
      <c r="Q119" s="11">
        <v>5.8</v>
      </c>
      <c r="R119" s="11">
        <v>8</v>
      </c>
      <c r="S119" s="11">
        <v>4.5</v>
      </c>
      <c r="T119" s="11">
        <v>3.2</v>
      </c>
      <c r="U119" s="11">
        <v>4</v>
      </c>
      <c r="V119" s="11">
        <v>6.6</v>
      </c>
      <c r="W119" s="11">
        <v>9.1999999999999993</v>
      </c>
      <c r="X119" s="11" t="s">
        <v>609</v>
      </c>
      <c r="Y119" s="11" t="s">
        <v>609</v>
      </c>
      <c r="Z119" s="11" t="s">
        <v>609</v>
      </c>
      <c r="AA119" s="11" t="s">
        <v>609</v>
      </c>
      <c r="AB119" s="11" t="s">
        <v>609</v>
      </c>
      <c r="AC119" s="11" t="s">
        <v>609</v>
      </c>
      <c r="AD119" s="11" t="s">
        <v>609</v>
      </c>
      <c r="AE119" s="11">
        <v>0</v>
      </c>
      <c r="AF119" s="11" t="s">
        <v>621</v>
      </c>
      <c r="AG119" s="11" t="s">
        <v>621</v>
      </c>
      <c r="AH119" s="11" t="s">
        <v>621</v>
      </c>
      <c r="AI119" s="11" t="s">
        <v>621</v>
      </c>
      <c r="AJ119" s="11" t="s">
        <v>618</v>
      </c>
      <c r="AK119" s="11" t="s">
        <v>622</v>
      </c>
      <c r="AL119" s="11" t="s">
        <v>621</v>
      </c>
      <c r="AM119" s="11" t="s">
        <v>621</v>
      </c>
      <c r="AN119" s="83">
        <v>4640</v>
      </c>
      <c r="AO119" s="83">
        <v>960</v>
      </c>
      <c r="AP119" s="83">
        <v>1280</v>
      </c>
      <c r="AQ119" s="83">
        <v>4000</v>
      </c>
      <c r="AR119" s="83">
        <v>0</v>
      </c>
      <c r="AS119" s="83">
        <v>480</v>
      </c>
      <c r="AT119" s="83">
        <v>4640</v>
      </c>
      <c r="AU119" s="83">
        <v>1440</v>
      </c>
      <c r="AV119" s="11">
        <v>0</v>
      </c>
      <c r="AW119" s="11">
        <v>0</v>
      </c>
      <c r="AX119" s="11">
        <v>0</v>
      </c>
      <c r="AY119" s="11">
        <v>0</v>
      </c>
      <c r="AZ119" s="11">
        <v>0</v>
      </c>
      <c r="BA119" s="11">
        <v>0</v>
      </c>
      <c r="BB119" s="11">
        <v>0</v>
      </c>
      <c r="BC119" s="11">
        <v>0</v>
      </c>
      <c r="BD119" s="83">
        <v>0</v>
      </c>
      <c r="BE119" s="83">
        <v>0</v>
      </c>
      <c r="BF119" s="83">
        <v>0</v>
      </c>
      <c r="BG119" s="83">
        <v>0</v>
      </c>
      <c r="BH119" s="83">
        <v>0</v>
      </c>
      <c r="BI119" s="83">
        <v>0</v>
      </c>
      <c r="BJ119" s="83">
        <v>0</v>
      </c>
      <c r="BK119" s="83">
        <v>0</v>
      </c>
      <c r="BL119" s="11">
        <v>117</v>
      </c>
      <c r="BM119" s="83">
        <v>17440</v>
      </c>
      <c r="BN119" s="83">
        <v>0</v>
      </c>
    </row>
    <row r="120" spans="1:66" x14ac:dyDescent="0.3">
      <c r="A120" s="78" t="s">
        <v>166</v>
      </c>
      <c r="B120" s="80">
        <v>63</v>
      </c>
      <c r="C120" s="80"/>
      <c r="D120" t="s">
        <v>620</v>
      </c>
      <c r="E120">
        <v>641</v>
      </c>
      <c r="G120" s="78" t="s">
        <v>166</v>
      </c>
      <c r="H120" s="80">
        <v>63</v>
      </c>
      <c r="I120" s="81" t="s">
        <v>69</v>
      </c>
      <c r="J120" s="81">
        <v>655</v>
      </c>
      <c r="K120" s="82"/>
      <c r="L120" s="86">
        <v>63</v>
      </c>
      <c r="M120" s="11">
        <v>655</v>
      </c>
      <c r="N120" s="11">
        <v>0</v>
      </c>
      <c r="O120" s="11" t="s">
        <v>259</v>
      </c>
      <c r="P120" s="11">
        <v>12.2</v>
      </c>
      <c r="Q120" s="11">
        <v>19.899999999999999</v>
      </c>
      <c r="R120" s="11">
        <v>2</v>
      </c>
      <c r="S120" s="11">
        <v>5</v>
      </c>
      <c r="T120" s="11">
        <v>0</v>
      </c>
      <c r="U120" s="11">
        <v>0</v>
      </c>
      <c r="V120" s="11">
        <v>0</v>
      </c>
      <c r="W120" s="11">
        <v>0</v>
      </c>
      <c r="X120" s="11" t="s">
        <v>256</v>
      </c>
      <c r="Y120" s="11" t="s">
        <v>256</v>
      </c>
      <c r="Z120" s="11" t="s">
        <v>256</v>
      </c>
      <c r="AA120" s="11" t="s">
        <v>256</v>
      </c>
      <c r="AB120" s="11">
        <v>0</v>
      </c>
      <c r="AC120" s="11">
        <v>0</v>
      </c>
      <c r="AD120" s="11">
        <v>0</v>
      </c>
      <c r="AE120" s="11">
        <v>0</v>
      </c>
      <c r="AF120" s="11">
        <v>0</v>
      </c>
      <c r="AG120" s="11">
        <v>0</v>
      </c>
      <c r="AH120" s="11" t="s">
        <v>623</v>
      </c>
      <c r="AI120" s="11">
        <v>0</v>
      </c>
      <c r="AJ120" s="11">
        <v>0</v>
      </c>
      <c r="AK120" s="11">
        <v>0</v>
      </c>
      <c r="AL120" s="11">
        <v>0</v>
      </c>
      <c r="AM120" s="11">
        <v>0</v>
      </c>
      <c r="AN120" s="83">
        <v>320</v>
      </c>
      <c r="AO120" s="83">
        <v>160</v>
      </c>
      <c r="AP120" s="83">
        <v>160</v>
      </c>
      <c r="AQ120" s="83">
        <v>160</v>
      </c>
      <c r="AR120" s="83">
        <v>0</v>
      </c>
      <c r="AS120" s="83">
        <v>0</v>
      </c>
      <c r="AT120" s="83">
        <v>0</v>
      </c>
      <c r="AU120" s="83">
        <v>0</v>
      </c>
      <c r="AV120" s="11">
        <v>0</v>
      </c>
      <c r="AW120" s="11">
        <v>0</v>
      </c>
      <c r="AX120" s="11">
        <v>0</v>
      </c>
      <c r="AY120" s="11">
        <v>0</v>
      </c>
      <c r="AZ120" s="11">
        <v>0</v>
      </c>
      <c r="BA120" s="11">
        <v>0</v>
      </c>
      <c r="BB120" s="11">
        <v>0</v>
      </c>
      <c r="BC120" s="11">
        <v>0</v>
      </c>
      <c r="BD120" s="83">
        <v>0</v>
      </c>
      <c r="BE120" s="83">
        <v>0</v>
      </c>
      <c r="BF120" s="83">
        <v>0</v>
      </c>
      <c r="BG120" s="83">
        <v>0</v>
      </c>
      <c r="BH120" s="83">
        <v>0</v>
      </c>
      <c r="BI120" s="83">
        <v>0</v>
      </c>
      <c r="BJ120" s="83">
        <v>0</v>
      </c>
      <c r="BK120" s="83">
        <v>0</v>
      </c>
      <c r="BL120" s="11">
        <v>5</v>
      </c>
      <c r="BM120" s="83">
        <v>800</v>
      </c>
      <c r="BN120" s="83">
        <v>0</v>
      </c>
    </row>
    <row r="121" spans="1:66" x14ac:dyDescent="0.3">
      <c r="A121" s="78" t="s">
        <v>166</v>
      </c>
      <c r="B121" s="80">
        <v>63</v>
      </c>
      <c r="C121" s="80"/>
      <c r="D121" t="s">
        <v>567</v>
      </c>
      <c r="E121">
        <v>642</v>
      </c>
      <c r="G121" s="78" t="s">
        <v>166</v>
      </c>
      <c r="H121" s="80">
        <v>63</v>
      </c>
      <c r="I121" s="81" t="s">
        <v>624</v>
      </c>
      <c r="J121" s="81">
        <v>652</v>
      </c>
      <c r="K121" s="82"/>
      <c r="L121" s="86">
        <v>63</v>
      </c>
      <c r="M121" s="11">
        <v>652</v>
      </c>
      <c r="N121" s="11">
        <v>0</v>
      </c>
      <c r="O121" s="11" t="s">
        <v>259</v>
      </c>
      <c r="P121" s="11">
        <v>8</v>
      </c>
      <c r="Q121" s="11">
        <v>6.3</v>
      </c>
      <c r="R121" s="11">
        <v>4</v>
      </c>
      <c r="S121" s="11">
        <v>8.3000000000000007</v>
      </c>
      <c r="T121" s="11">
        <v>9.8000000000000007</v>
      </c>
      <c r="U121" s="11">
        <v>7.7</v>
      </c>
      <c r="V121" s="11">
        <v>0</v>
      </c>
      <c r="W121" s="11">
        <v>0</v>
      </c>
      <c r="X121" s="11" t="s">
        <v>421</v>
      </c>
      <c r="Y121" s="11" t="s">
        <v>421</v>
      </c>
      <c r="Z121" s="11" t="s">
        <v>421</v>
      </c>
      <c r="AA121" s="11" t="s">
        <v>421</v>
      </c>
      <c r="AB121" s="11" t="s">
        <v>421</v>
      </c>
      <c r="AC121" s="11" t="s">
        <v>421</v>
      </c>
      <c r="AD121" s="11">
        <v>0</v>
      </c>
      <c r="AE121" s="11">
        <v>0</v>
      </c>
      <c r="AF121" s="11" t="s">
        <v>625</v>
      </c>
      <c r="AG121" s="11" t="s">
        <v>618</v>
      </c>
      <c r="AH121" s="11" t="s">
        <v>625</v>
      </c>
      <c r="AI121" s="11" t="s">
        <v>625</v>
      </c>
      <c r="AJ121" s="11" t="s">
        <v>625</v>
      </c>
      <c r="AK121" s="11" t="s">
        <v>625</v>
      </c>
      <c r="AL121" s="11">
        <v>0</v>
      </c>
      <c r="AM121" s="11">
        <v>0</v>
      </c>
      <c r="AN121" s="83">
        <v>640</v>
      </c>
      <c r="AO121" s="83">
        <v>0</v>
      </c>
      <c r="AP121" s="83">
        <v>3040</v>
      </c>
      <c r="AQ121" s="83">
        <v>1760</v>
      </c>
      <c r="AR121" s="83">
        <v>1920</v>
      </c>
      <c r="AS121" s="83">
        <v>1440</v>
      </c>
      <c r="AT121" s="83">
        <v>0</v>
      </c>
      <c r="AU121" s="83">
        <v>0</v>
      </c>
      <c r="AV121" s="11">
        <v>0</v>
      </c>
      <c r="AW121" s="11">
        <v>0</v>
      </c>
      <c r="AX121" s="11">
        <v>0</v>
      </c>
      <c r="AY121" s="11">
        <v>0</v>
      </c>
      <c r="AZ121" s="11">
        <v>0</v>
      </c>
      <c r="BA121" s="11">
        <v>0</v>
      </c>
      <c r="BB121" s="11">
        <v>0</v>
      </c>
      <c r="BC121" s="11">
        <v>0</v>
      </c>
      <c r="BD121" s="83">
        <v>0</v>
      </c>
      <c r="BE121" s="83">
        <v>0</v>
      </c>
      <c r="BF121" s="83">
        <v>0</v>
      </c>
      <c r="BG121" s="83">
        <v>0</v>
      </c>
      <c r="BH121" s="83">
        <v>0</v>
      </c>
      <c r="BI121" s="83">
        <v>0</v>
      </c>
      <c r="BJ121" s="83">
        <v>0</v>
      </c>
      <c r="BK121" s="83">
        <v>0</v>
      </c>
      <c r="BL121" s="11">
        <v>65</v>
      </c>
      <c r="BM121" s="83">
        <v>8800</v>
      </c>
      <c r="BN121" s="83">
        <v>0</v>
      </c>
    </row>
    <row r="122" spans="1:66" x14ac:dyDescent="0.3">
      <c r="A122" s="78" t="s">
        <v>94</v>
      </c>
      <c r="B122" s="80">
        <v>64</v>
      </c>
      <c r="C122" s="80"/>
      <c r="D122" t="s">
        <v>567</v>
      </c>
      <c r="E122">
        <v>642</v>
      </c>
      <c r="G122" s="78" t="s">
        <v>94</v>
      </c>
      <c r="H122" s="80">
        <v>64</v>
      </c>
      <c r="I122" s="81" t="s">
        <v>567</v>
      </c>
      <c r="J122" s="81">
        <v>642</v>
      </c>
      <c r="K122" s="82">
        <v>1</v>
      </c>
    </row>
    <row r="123" spans="1:66" x14ac:dyDescent="0.3">
      <c r="A123" s="78" t="s">
        <v>95</v>
      </c>
      <c r="B123" s="80">
        <v>67</v>
      </c>
      <c r="C123" s="80"/>
      <c r="D123" t="s">
        <v>567</v>
      </c>
      <c r="E123">
        <v>642</v>
      </c>
      <c r="G123" s="78" t="s">
        <v>95</v>
      </c>
      <c r="H123" s="80">
        <v>67</v>
      </c>
      <c r="I123" s="81" t="s">
        <v>483</v>
      </c>
      <c r="J123" s="81">
        <v>597</v>
      </c>
      <c r="K123" s="82">
        <v>69</v>
      </c>
      <c r="L123" s="86">
        <v>67</v>
      </c>
      <c r="M123" s="11">
        <v>597</v>
      </c>
      <c r="N123" s="11">
        <v>75</v>
      </c>
      <c r="O123" s="11" t="s">
        <v>259</v>
      </c>
      <c r="P123" s="11">
        <v>23.4</v>
      </c>
      <c r="Q123" s="11">
        <v>6.3</v>
      </c>
      <c r="R123" s="11">
        <v>2.8</v>
      </c>
      <c r="S123" s="11">
        <v>23</v>
      </c>
      <c r="T123" s="11">
        <v>25.5</v>
      </c>
      <c r="U123" s="11">
        <v>22</v>
      </c>
      <c r="V123" s="11">
        <v>25.5</v>
      </c>
      <c r="W123" s="11">
        <v>16.3</v>
      </c>
      <c r="X123" s="11" t="s">
        <v>421</v>
      </c>
      <c r="Y123" s="11" t="s">
        <v>421</v>
      </c>
      <c r="Z123" s="11" t="s">
        <v>421</v>
      </c>
      <c r="AA123" s="11" t="s">
        <v>421</v>
      </c>
      <c r="AB123" s="11" t="s">
        <v>421</v>
      </c>
      <c r="AC123" s="11" t="s">
        <v>421</v>
      </c>
      <c r="AD123" s="11" t="s">
        <v>421</v>
      </c>
      <c r="AE123" s="11">
        <v>0</v>
      </c>
      <c r="AF123" s="11" t="s">
        <v>626</v>
      </c>
      <c r="AG123" s="11" t="s">
        <v>627</v>
      </c>
      <c r="AH123" s="11" t="s">
        <v>627</v>
      </c>
      <c r="AI123" s="11" t="s">
        <v>627</v>
      </c>
      <c r="AJ123" s="11" t="s">
        <v>627</v>
      </c>
      <c r="AK123" s="11" t="s">
        <v>627</v>
      </c>
      <c r="AL123" s="11" t="s">
        <v>627</v>
      </c>
      <c r="AM123" s="11" t="s">
        <v>627</v>
      </c>
      <c r="AN123" s="83">
        <v>650</v>
      </c>
      <c r="AO123" s="83">
        <v>650</v>
      </c>
      <c r="AP123" s="83">
        <v>650</v>
      </c>
      <c r="AQ123" s="83">
        <v>3900</v>
      </c>
      <c r="AR123" s="83">
        <v>26650</v>
      </c>
      <c r="AS123" s="83">
        <v>1300</v>
      </c>
      <c r="AT123" s="83">
        <v>7800</v>
      </c>
      <c r="AU123" s="83">
        <v>7150</v>
      </c>
      <c r="AV123" s="11" t="s">
        <v>628</v>
      </c>
      <c r="AW123" s="11" t="s">
        <v>628</v>
      </c>
      <c r="AX123" s="11" t="s">
        <v>628</v>
      </c>
      <c r="AY123" s="11" t="s">
        <v>628</v>
      </c>
      <c r="AZ123" s="11" t="s">
        <v>628</v>
      </c>
      <c r="BA123" s="11" t="s">
        <v>628</v>
      </c>
      <c r="BB123" s="11" t="s">
        <v>628</v>
      </c>
      <c r="BC123" s="11" t="s">
        <v>628</v>
      </c>
      <c r="BD123" s="83">
        <v>925</v>
      </c>
      <c r="BE123" s="83">
        <v>925</v>
      </c>
      <c r="BF123" s="83">
        <v>925</v>
      </c>
      <c r="BG123" s="83">
        <v>5550</v>
      </c>
      <c r="BH123" s="83">
        <v>37925</v>
      </c>
      <c r="BI123" s="83">
        <v>1850</v>
      </c>
      <c r="BJ123" s="83">
        <v>11100</v>
      </c>
      <c r="BK123" s="83">
        <v>10175</v>
      </c>
      <c r="BL123" s="11">
        <v>75</v>
      </c>
      <c r="BM123" s="83">
        <v>48750</v>
      </c>
      <c r="BN123" s="83">
        <v>83872</v>
      </c>
    </row>
    <row r="124" spans="1:66" x14ac:dyDescent="0.3">
      <c r="A124" s="78" t="s">
        <v>95</v>
      </c>
      <c r="B124" s="80">
        <v>67</v>
      </c>
      <c r="C124" s="80"/>
      <c r="D124" t="s">
        <v>567</v>
      </c>
      <c r="E124">
        <v>642</v>
      </c>
      <c r="G124" s="78" t="s">
        <v>95</v>
      </c>
      <c r="H124" s="80">
        <v>67</v>
      </c>
      <c r="I124" s="81" t="s">
        <v>629</v>
      </c>
      <c r="J124" s="81">
        <v>688</v>
      </c>
      <c r="K124" s="82">
        <v>1</v>
      </c>
      <c r="L124" s="86"/>
      <c r="M124" s="11"/>
      <c r="N124" s="11"/>
      <c r="O124" s="11"/>
      <c r="P124" s="11"/>
      <c r="Q124" s="11"/>
      <c r="R124" s="11"/>
      <c r="S124" s="11"/>
      <c r="T124" s="11"/>
      <c r="U124" s="11"/>
      <c r="V124" s="11"/>
      <c r="W124" s="11"/>
      <c r="X124" s="11"/>
      <c r="Y124" s="11"/>
      <c r="Z124" s="11"/>
      <c r="AA124" s="11"/>
      <c r="AB124" s="11"/>
      <c r="AC124" s="11"/>
      <c r="AD124" s="11"/>
      <c r="AE124" s="11"/>
      <c r="AF124" s="11"/>
      <c r="AG124" s="11"/>
      <c r="AH124" s="11"/>
      <c r="AI124" s="11"/>
      <c r="AJ124" s="11"/>
      <c r="AK124" s="11"/>
      <c r="AL124" s="11"/>
      <c r="AM124" s="11"/>
      <c r="AN124" s="83"/>
      <c r="AO124" s="83"/>
      <c r="AP124" s="83"/>
      <c r="AQ124" s="83"/>
      <c r="AR124" s="83"/>
      <c r="AS124" s="83"/>
      <c r="AT124" s="83"/>
      <c r="AU124" s="83"/>
      <c r="AV124" s="11"/>
      <c r="AW124" s="11"/>
      <c r="AX124" s="11"/>
      <c r="AY124" s="11"/>
      <c r="AZ124" s="11"/>
      <c r="BA124" s="11"/>
      <c r="BB124" s="11"/>
      <c r="BC124" s="11"/>
      <c r="BD124" s="83"/>
      <c r="BE124" s="83"/>
      <c r="BF124" s="83"/>
      <c r="BG124" s="83"/>
      <c r="BH124" s="83"/>
      <c r="BI124" s="83"/>
      <c r="BJ124" s="83"/>
      <c r="BK124" s="83"/>
      <c r="BL124" s="11"/>
      <c r="BM124" s="83"/>
      <c r="BN124" s="83"/>
    </row>
    <row r="125" spans="1:66" x14ac:dyDescent="0.3">
      <c r="A125" s="78" t="s">
        <v>96</v>
      </c>
      <c r="B125" s="80">
        <v>68</v>
      </c>
      <c r="C125" s="80"/>
      <c r="D125" t="s">
        <v>630</v>
      </c>
      <c r="E125">
        <v>643</v>
      </c>
      <c r="G125" s="78" t="s">
        <v>96</v>
      </c>
      <c r="H125" s="80">
        <v>68</v>
      </c>
      <c r="I125" s="81" t="s">
        <v>631</v>
      </c>
      <c r="J125" s="81">
        <v>649</v>
      </c>
      <c r="K125" s="82">
        <v>36</v>
      </c>
      <c r="L125" s="86">
        <v>68</v>
      </c>
      <c r="M125" s="11">
        <v>649</v>
      </c>
      <c r="N125" s="11">
        <v>39</v>
      </c>
      <c r="O125" s="11" t="s">
        <v>259</v>
      </c>
      <c r="P125" s="11">
        <v>8</v>
      </c>
      <c r="Q125" s="11">
        <v>4</v>
      </c>
      <c r="R125" s="11">
        <v>15</v>
      </c>
      <c r="S125" s="11">
        <v>0</v>
      </c>
      <c r="T125" s="11">
        <v>0</v>
      </c>
      <c r="U125" s="11">
        <v>0</v>
      </c>
      <c r="V125" s="11">
        <v>0</v>
      </c>
      <c r="W125" s="11">
        <v>0</v>
      </c>
      <c r="X125" s="11" t="s">
        <v>256</v>
      </c>
      <c r="Y125" s="11" t="s">
        <v>256</v>
      </c>
      <c r="Z125" s="11" t="s">
        <v>256</v>
      </c>
      <c r="AA125" s="11">
        <v>0</v>
      </c>
      <c r="AB125" s="11">
        <v>0</v>
      </c>
      <c r="AC125" s="11">
        <v>0</v>
      </c>
      <c r="AD125" s="11">
        <v>0</v>
      </c>
      <c r="AE125" s="11">
        <v>0</v>
      </c>
      <c r="AF125" s="11" t="s">
        <v>632</v>
      </c>
      <c r="AG125" s="11" t="s">
        <v>633</v>
      </c>
      <c r="AH125" s="11" t="s">
        <v>634</v>
      </c>
      <c r="AI125" s="11">
        <v>0</v>
      </c>
      <c r="AJ125" s="11">
        <v>0</v>
      </c>
      <c r="AK125" s="11">
        <v>0</v>
      </c>
      <c r="AL125" s="11">
        <v>0</v>
      </c>
      <c r="AM125" s="11">
        <v>0</v>
      </c>
      <c r="AN125" s="83">
        <v>1197</v>
      </c>
      <c r="AO125" s="83">
        <v>3078</v>
      </c>
      <c r="AP125" s="83">
        <v>2394</v>
      </c>
      <c r="AQ125" s="83">
        <v>0</v>
      </c>
      <c r="AR125" s="83">
        <v>0</v>
      </c>
      <c r="AS125" s="83">
        <v>0</v>
      </c>
      <c r="AT125" s="83">
        <v>0</v>
      </c>
      <c r="AU125" s="83">
        <v>0</v>
      </c>
      <c r="AV125" s="11">
        <v>0</v>
      </c>
      <c r="AW125" s="11">
        <v>0</v>
      </c>
      <c r="AX125" s="11">
        <v>0</v>
      </c>
      <c r="AY125" s="11">
        <v>0</v>
      </c>
      <c r="AZ125" s="11">
        <v>0</v>
      </c>
      <c r="BA125" s="11">
        <v>0</v>
      </c>
      <c r="BB125" s="11">
        <v>0</v>
      </c>
      <c r="BC125" s="11">
        <v>0</v>
      </c>
      <c r="BD125" s="83">
        <v>9212</v>
      </c>
      <c r="BE125" s="83">
        <v>23687</v>
      </c>
      <c r="BF125" s="83">
        <v>18423</v>
      </c>
      <c r="BG125" s="83">
        <v>0</v>
      </c>
      <c r="BH125" s="83">
        <v>0</v>
      </c>
      <c r="BI125" s="83">
        <v>0</v>
      </c>
      <c r="BJ125" s="83">
        <v>0</v>
      </c>
      <c r="BK125" s="83">
        <v>0</v>
      </c>
      <c r="BL125" s="11">
        <v>39</v>
      </c>
      <c r="BM125" s="83">
        <v>6669</v>
      </c>
      <c r="BN125" s="83">
        <v>85440</v>
      </c>
    </row>
    <row r="126" spans="1:66" x14ac:dyDescent="0.3">
      <c r="A126" s="78" t="s">
        <v>96</v>
      </c>
      <c r="B126" s="80">
        <v>68</v>
      </c>
      <c r="C126" s="80"/>
      <c r="D126" t="s">
        <v>569</v>
      </c>
      <c r="E126">
        <v>644</v>
      </c>
      <c r="G126" s="78" t="s">
        <v>96</v>
      </c>
      <c r="H126" s="80">
        <v>68</v>
      </c>
      <c r="I126" s="81" t="s">
        <v>584</v>
      </c>
      <c r="J126" s="81">
        <v>650</v>
      </c>
      <c r="K126" s="82">
        <v>1</v>
      </c>
    </row>
    <row r="127" spans="1:66" x14ac:dyDescent="0.3">
      <c r="A127" s="78" t="s">
        <v>96</v>
      </c>
      <c r="B127" s="80">
        <v>68</v>
      </c>
      <c r="C127" s="80"/>
      <c r="D127" t="s">
        <v>569</v>
      </c>
      <c r="E127">
        <v>644</v>
      </c>
      <c r="G127" s="78" t="s">
        <v>96</v>
      </c>
      <c r="H127" s="80">
        <v>68</v>
      </c>
      <c r="I127" s="81" t="s">
        <v>635</v>
      </c>
      <c r="J127" s="81">
        <v>648</v>
      </c>
      <c r="K127" s="82">
        <v>56</v>
      </c>
      <c r="L127" s="86">
        <v>68</v>
      </c>
      <c r="M127" s="11">
        <v>648</v>
      </c>
      <c r="N127" s="11">
        <v>29</v>
      </c>
      <c r="O127" s="11" t="s">
        <v>259</v>
      </c>
      <c r="P127" s="11">
        <v>10</v>
      </c>
      <c r="Q127" s="11">
        <v>2</v>
      </c>
      <c r="R127" s="11">
        <v>5</v>
      </c>
      <c r="S127" s="11">
        <v>0</v>
      </c>
      <c r="T127" s="11">
        <v>0</v>
      </c>
      <c r="U127" s="11">
        <v>0</v>
      </c>
      <c r="V127" s="11">
        <v>0</v>
      </c>
      <c r="W127" s="11">
        <v>0</v>
      </c>
      <c r="X127" s="11" t="s">
        <v>256</v>
      </c>
      <c r="Y127" s="11" t="s">
        <v>256</v>
      </c>
      <c r="Z127" s="11" t="s">
        <v>256</v>
      </c>
      <c r="AA127" s="11">
        <v>0</v>
      </c>
      <c r="AB127" s="11">
        <v>0</v>
      </c>
      <c r="AC127" s="11">
        <v>0</v>
      </c>
      <c r="AD127" s="11">
        <v>0</v>
      </c>
      <c r="AE127" s="11">
        <v>0</v>
      </c>
      <c r="AF127" s="11" t="s">
        <v>636</v>
      </c>
      <c r="AG127" s="11" t="s">
        <v>637</v>
      </c>
      <c r="AH127" s="11" t="s">
        <v>638</v>
      </c>
      <c r="AI127" s="11">
        <v>0</v>
      </c>
      <c r="AJ127" s="11">
        <v>0</v>
      </c>
      <c r="AK127" s="11">
        <v>0</v>
      </c>
      <c r="AL127" s="11">
        <v>0</v>
      </c>
      <c r="AM127" s="11">
        <v>0</v>
      </c>
      <c r="AN127" s="83">
        <v>4446</v>
      </c>
      <c r="AO127" s="83">
        <v>171</v>
      </c>
      <c r="AP127" s="83">
        <v>342</v>
      </c>
      <c r="AQ127" s="83">
        <v>0</v>
      </c>
      <c r="AR127" s="83">
        <v>0</v>
      </c>
      <c r="AS127" s="83">
        <v>0</v>
      </c>
      <c r="AT127" s="83">
        <v>0</v>
      </c>
      <c r="AU127" s="83">
        <v>0</v>
      </c>
      <c r="AV127" s="11">
        <v>0</v>
      </c>
      <c r="AW127" s="11">
        <v>0</v>
      </c>
      <c r="AX127" s="11">
        <v>0</v>
      </c>
      <c r="AY127" s="11">
        <v>0</v>
      </c>
      <c r="AZ127" s="11">
        <v>0</v>
      </c>
      <c r="BA127" s="11">
        <v>0</v>
      </c>
      <c r="BB127" s="11">
        <v>0</v>
      </c>
      <c r="BC127" s="11">
        <v>0</v>
      </c>
      <c r="BD127" s="83">
        <v>76602</v>
      </c>
      <c r="BE127" s="83">
        <v>2946</v>
      </c>
      <c r="BF127" s="83">
        <v>5892</v>
      </c>
      <c r="BG127" s="83">
        <v>0</v>
      </c>
      <c r="BH127" s="83">
        <v>0</v>
      </c>
      <c r="BI127" s="83">
        <v>0</v>
      </c>
      <c r="BJ127" s="83">
        <v>0</v>
      </c>
      <c r="BK127" s="83">
        <v>0</v>
      </c>
      <c r="BL127" s="11">
        <v>29</v>
      </c>
      <c r="BM127" s="83">
        <v>4959</v>
      </c>
      <c r="BN127" s="83">
        <v>61530</v>
      </c>
    </row>
    <row r="128" spans="1:66" x14ac:dyDescent="0.3">
      <c r="A128" s="78" t="s">
        <v>96</v>
      </c>
      <c r="B128" s="80">
        <v>68</v>
      </c>
      <c r="C128" s="80"/>
      <c r="D128" t="s">
        <v>639</v>
      </c>
      <c r="E128">
        <v>645</v>
      </c>
      <c r="G128" s="78" t="s">
        <v>96</v>
      </c>
      <c r="H128" s="80">
        <v>68</v>
      </c>
      <c r="I128" s="81" t="s">
        <v>620</v>
      </c>
      <c r="J128" s="81">
        <v>641</v>
      </c>
      <c r="K128" s="82">
        <v>65</v>
      </c>
      <c r="L128" s="11">
        <v>68</v>
      </c>
      <c r="M128" s="11">
        <v>641</v>
      </c>
      <c r="N128" s="11">
        <v>58</v>
      </c>
      <c r="O128" s="11" t="s">
        <v>259</v>
      </c>
      <c r="P128" s="11">
        <v>22</v>
      </c>
      <c r="Q128" s="11">
        <v>22</v>
      </c>
      <c r="R128" s="11">
        <v>21</v>
      </c>
      <c r="S128" s="11">
        <v>8</v>
      </c>
      <c r="T128" s="11">
        <v>0</v>
      </c>
      <c r="U128" s="11">
        <v>0</v>
      </c>
      <c r="V128" s="11">
        <v>0</v>
      </c>
      <c r="W128" s="11">
        <v>0</v>
      </c>
      <c r="X128" s="11" t="s">
        <v>256</v>
      </c>
      <c r="Y128" s="11" t="s">
        <v>256</v>
      </c>
      <c r="Z128" s="11" t="s">
        <v>256</v>
      </c>
      <c r="AA128" s="11" t="s">
        <v>256</v>
      </c>
      <c r="AB128" s="11">
        <v>0</v>
      </c>
      <c r="AC128" s="11">
        <v>0</v>
      </c>
      <c r="AD128" s="11">
        <v>0</v>
      </c>
      <c r="AE128" s="11">
        <v>0</v>
      </c>
      <c r="AF128" s="11" t="s">
        <v>632</v>
      </c>
      <c r="AG128" s="11" t="s">
        <v>640</v>
      </c>
      <c r="AH128" s="11" t="s">
        <v>641</v>
      </c>
      <c r="AI128" s="11" t="s">
        <v>642</v>
      </c>
      <c r="AJ128" s="11">
        <v>0</v>
      </c>
      <c r="AK128" s="11">
        <v>0</v>
      </c>
      <c r="AL128" s="11">
        <v>0</v>
      </c>
      <c r="AM128" s="11">
        <v>0</v>
      </c>
      <c r="AN128" s="83">
        <v>5301</v>
      </c>
      <c r="AO128" s="83">
        <v>1368</v>
      </c>
      <c r="AP128" s="83">
        <v>1026</v>
      </c>
      <c r="AQ128" s="83">
        <v>2223</v>
      </c>
      <c r="AR128" s="83">
        <v>0</v>
      </c>
      <c r="AS128" s="83">
        <v>0</v>
      </c>
      <c r="AT128" s="83">
        <v>0</v>
      </c>
      <c r="AU128" s="83">
        <v>0</v>
      </c>
      <c r="AV128" s="11">
        <v>0</v>
      </c>
      <c r="AW128" s="11">
        <v>0</v>
      </c>
      <c r="AX128" s="11">
        <v>0</v>
      </c>
      <c r="AY128" s="11">
        <v>0</v>
      </c>
      <c r="AZ128" s="11">
        <v>0</v>
      </c>
      <c r="BA128" s="11">
        <v>0</v>
      </c>
      <c r="BB128" s="11">
        <v>0</v>
      </c>
      <c r="BC128" s="11">
        <v>0</v>
      </c>
      <c r="BD128" s="83">
        <v>44828</v>
      </c>
      <c r="BE128" s="83">
        <v>11569</v>
      </c>
      <c r="BF128" s="83">
        <v>8676</v>
      </c>
      <c r="BG128" s="83">
        <v>18799</v>
      </c>
      <c r="BH128" s="83">
        <v>0</v>
      </c>
      <c r="BI128" s="83">
        <v>0</v>
      </c>
      <c r="BJ128" s="83">
        <v>0</v>
      </c>
      <c r="BK128" s="83">
        <v>0</v>
      </c>
      <c r="BL128" s="11">
        <v>58</v>
      </c>
      <c r="BM128" s="83">
        <v>9918</v>
      </c>
      <c r="BN128" s="83">
        <v>51322</v>
      </c>
    </row>
    <row r="129" spans="1:66" x14ac:dyDescent="0.3">
      <c r="A129" s="78" t="s">
        <v>96</v>
      </c>
      <c r="B129" s="80">
        <v>69</v>
      </c>
      <c r="C129" s="80"/>
      <c r="D129" t="s">
        <v>643</v>
      </c>
      <c r="E129">
        <v>647</v>
      </c>
      <c r="G129" s="78" t="s">
        <v>96</v>
      </c>
      <c r="H129" s="80">
        <v>69</v>
      </c>
      <c r="I129" s="81" t="s">
        <v>631</v>
      </c>
      <c r="J129" s="81">
        <v>649</v>
      </c>
      <c r="K129" s="82">
        <v>12</v>
      </c>
      <c r="L129" s="11">
        <v>69</v>
      </c>
      <c r="M129" s="11">
        <v>649</v>
      </c>
      <c r="N129" s="11">
        <v>15</v>
      </c>
      <c r="O129" s="11" t="s">
        <v>204</v>
      </c>
      <c r="P129" s="11">
        <v>25</v>
      </c>
      <c r="Q129" s="11">
        <v>15</v>
      </c>
      <c r="R129" s="11">
        <v>25</v>
      </c>
      <c r="S129" s="11">
        <v>0</v>
      </c>
      <c r="T129" s="11">
        <v>0</v>
      </c>
      <c r="U129" s="11">
        <v>0</v>
      </c>
      <c r="V129" s="11">
        <v>0</v>
      </c>
      <c r="W129" s="11">
        <v>0</v>
      </c>
      <c r="X129" s="11" t="s">
        <v>256</v>
      </c>
      <c r="Y129" s="11" t="s">
        <v>256</v>
      </c>
      <c r="Z129" s="11" t="s">
        <v>256</v>
      </c>
      <c r="AA129" s="11">
        <v>0</v>
      </c>
      <c r="AB129" s="11">
        <v>0</v>
      </c>
      <c r="AC129" s="11">
        <v>0</v>
      </c>
      <c r="AD129" s="11">
        <v>0</v>
      </c>
      <c r="AE129" s="11">
        <v>0</v>
      </c>
      <c r="AF129" s="11" t="s">
        <v>644</v>
      </c>
      <c r="AG129" s="11" t="s">
        <v>644</v>
      </c>
      <c r="AH129" s="11" t="s">
        <v>644</v>
      </c>
      <c r="AI129" s="11">
        <v>0</v>
      </c>
      <c r="AJ129" s="11">
        <v>0</v>
      </c>
      <c r="AK129" s="11">
        <v>0</v>
      </c>
      <c r="AL129" s="11">
        <v>0</v>
      </c>
      <c r="AM129" s="11">
        <v>0</v>
      </c>
      <c r="AN129" s="83">
        <v>1818</v>
      </c>
      <c r="AO129" s="83">
        <v>9090</v>
      </c>
      <c r="AP129" s="83">
        <v>2727</v>
      </c>
      <c r="AQ129" s="83">
        <v>0</v>
      </c>
      <c r="AR129" s="83">
        <v>0</v>
      </c>
      <c r="AS129" s="83">
        <v>0</v>
      </c>
      <c r="AT129" s="83">
        <v>0</v>
      </c>
      <c r="AU129" s="83">
        <v>0</v>
      </c>
      <c r="AV129" s="11" t="s">
        <v>645</v>
      </c>
      <c r="AW129" s="11" t="s">
        <v>645</v>
      </c>
      <c r="AX129" s="11" t="s">
        <v>645</v>
      </c>
      <c r="AY129" s="11">
        <v>0</v>
      </c>
      <c r="AZ129" s="11">
        <v>0</v>
      </c>
      <c r="BA129" s="11">
        <v>0</v>
      </c>
      <c r="BB129" s="11">
        <v>0</v>
      </c>
      <c r="BC129" s="11">
        <v>0</v>
      </c>
      <c r="BD129" s="83">
        <v>41020</v>
      </c>
      <c r="BE129" s="83">
        <v>8204</v>
      </c>
      <c r="BF129" s="83">
        <v>12306</v>
      </c>
      <c r="BG129" s="83">
        <v>0</v>
      </c>
      <c r="BH129" s="83">
        <v>0</v>
      </c>
      <c r="BI129" s="83">
        <v>0</v>
      </c>
      <c r="BJ129" s="83">
        <v>0</v>
      </c>
      <c r="BK129" s="83">
        <v>0</v>
      </c>
      <c r="BL129" s="11">
        <v>15</v>
      </c>
      <c r="BM129" s="83">
        <v>13635</v>
      </c>
      <c r="BN129" s="83">
        <v>61529</v>
      </c>
    </row>
    <row r="130" spans="1:66" x14ac:dyDescent="0.3">
      <c r="A130" s="78" t="s">
        <v>97</v>
      </c>
      <c r="B130" s="80">
        <v>69</v>
      </c>
      <c r="C130" s="80"/>
      <c r="D130" t="s">
        <v>635</v>
      </c>
      <c r="E130">
        <v>648</v>
      </c>
      <c r="G130" s="78" t="s">
        <v>97</v>
      </c>
      <c r="H130" s="80">
        <v>69</v>
      </c>
      <c r="I130" s="81" t="s">
        <v>646</v>
      </c>
      <c r="J130" s="81">
        <v>651</v>
      </c>
      <c r="K130" s="82">
        <v>17</v>
      </c>
      <c r="L130" s="86">
        <v>69</v>
      </c>
      <c r="M130" s="11">
        <v>651</v>
      </c>
      <c r="N130" s="11">
        <v>23</v>
      </c>
      <c r="O130" s="11" t="s">
        <v>204</v>
      </c>
      <c r="P130" s="11">
        <v>17</v>
      </c>
      <c r="Q130" s="11">
        <v>12</v>
      </c>
      <c r="R130" s="11">
        <v>25</v>
      </c>
      <c r="S130" s="11">
        <v>0</v>
      </c>
      <c r="T130" s="11">
        <v>0</v>
      </c>
      <c r="U130" s="11">
        <v>0</v>
      </c>
      <c r="V130" s="11">
        <v>0</v>
      </c>
      <c r="W130" s="11">
        <v>0</v>
      </c>
      <c r="X130" s="11" t="s">
        <v>256</v>
      </c>
      <c r="Y130" s="11" t="s">
        <v>256</v>
      </c>
      <c r="Z130" s="11" t="s">
        <v>256</v>
      </c>
      <c r="AA130" s="11">
        <v>0</v>
      </c>
      <c r="AB130" s="11">
        <v>0</v>
      </c>
      <c r="AC130" s="11">
        <v>0</v>
      </c>
      <c r="AD130" s="11">
        <v>0</v>
      </c>
      <c r="AE130" s="11">
        <v>0</v>
      </c>
      <c r="AF130" s="11" t="s">
        <v>51</v>
      </c>
      <c r="AG130" s="11" t="s">
        <v>51</v>
      </c>
      <c r="AH130" s="11" t="s">
        <v>51</v>
      </c>
      <c r="AI130" s="11">
        <v>0</v>
      </c>
      <c r="AJ130" s="11">
        <v>0</v>
      </c>
      <c r="AK130" s="11">
        <v>0</v>
      </c>
      <c r="AL130" s="11">
        <v>0</v>
      </c>
      <c r="AM130" s="11">
        <v>0</v>
      </c>
      <c r="AN130" s="83">
        <v>5454</v>
      </c>
      <c r="AO130" s="83">
        <v>14543</v>
      </c>
      <c r="AP130" s="83">
        <v>909</v>
      </c>
      <c r="AQ130" s="83">
        <v>0</v>
      </c>
      <c r="AR130" s="83">
        <v>0</v>
      </c>
      <c r="AS130" s="83">
        <v>0</v>
      </c>
      <c r="AT130" s="83">
        <v>0</v>
      </c>
      <c r="AU130" s="83">
        <v>0</v>
      </c>
      <c r="AV130" s="11" t="s">
        <v>647</v>
      </c>
      <c r="AW130" s="11" t="s">
        <v>647</v>
      </c>
      <c r="AX130" s="11" t="s">
        <v>647</v>
      </c>
      <c r="AY130" s="11">
        <v>0</v>
      </c>
      <c r="AZ130" s="11">
        <v>0</v>
      </c>
      <c r="BA130" s="11">
        <v>0</v>
      </c>
      <c r="BB130" s="11">
        <v>0</v>
      </c>
      <c r="BC130" s="11">
        <v>0</v>
      </c>
      <c r="BD130" s="83">
        <v>42803</v>
      </c>
      <c r="BE130" s="83">
        <v>16051</v>
      </c>
      <c r="BF130" s="83">
        <v>2675</v>
      </c>
      <c r="BG130" s="83">
        <v>0</v>
      </c>
      <c r="BH130" s="83">
        <v>0</v>
      </c>
      <c r="BI130" s="83">
        <v>0</v>
      </c>
      <c r="BJ130" s="83">
        <v>0</v>
      </c>
      <c r="BK130" s="83">
        <v>0</v>
      </c>
      <c r="BL130" s="11">
        <v>23</v>
      </c>
      <c r="BM130" s="83">
        <v>20906</v>
      </c>
      <c r="BN130" s="37">
        <v>12974.4</v>
      </c>
    </row>
    <row r="131" spans="1:66" x14ac:dyDescent="0.3">
      <c r="A131" s="78" t="s">
        <v>98</v>
      </c>
      <c r="B131" s="80">
        <v>70</v>
      </c>
      <c r="C131" s="80"/>
      <c r="D131" t="s">
        <v>631</v>
      </c>
      <c r="E131">
        <v>649</v>
      </c>
      <c r="G131" s="78" t="s">
        <v>98</v>
      </c>
      <c r="H131" s="80">
        <v>70</v>
      </c>
      <c r="I131" s="81" t="s">
        <v>648</v>
      </c>
      <c r="J131" s="81">
        <v>1071</v>
      </c>
      <c r="K131" s="82">
        <v>210</v>
      </c>
      <c r="L131" s="86"/>
      <c r="M131" s="11"/>
      <c r="N131" s="11"/>
      <c r="O131" s="11"/>
      <c r="P131" s="11"/>
      <c r="Q131" s="11"/>
      <c r="R131" s="11"/>
      <c r="S131" s="11"/>
      <c r="T131" s="11"/>
      <c r="U131" s="11"/>
      <c r="V131" s="11"/>
      <c r="W131" s="11"/>
      <c r="X131" s="11"/>
      <c r="Y131" s="11"/>
      <c r="Z131" s="11"/>
      <c r="AA131" s="11"/>
      <c r="AB131" s="11"/>
      <c r="AC131" s="11"/>
      <c r="AD131" s="11"/>
      <c r="AE131" s="11"/>
      <c r="AF131" s="11"/>
      <c r="AG131" s="11"/>
      <c r="AH131" s="11"/>
      <c r="AI131" s="11"/>
      <c r="AJ131" s="11"/>
      <c r="AK131" s="11"/>
      <c r="AL131" s="11"/>
      <c r="AM131" s="11"/>
      <c r="AN131" s="83"/>
      <c r="AO131" s="83"/>
      <c r="AP131" s="83"/>
      <c r="AQ131" s="83"/>
      <c r="AR131" s="83"/>
      <c r="AS131" s="83"/>
      <c r="AT131" s="83"/>
      <c r="AU131" s="83"/>
      <c r="AV131" s="11"/>
      <c r="AW131" s="11"/>
      <c r="AX131" s="11"/>
      <c r="AY131" s="11"/>
      <c r="AZ131" s="11"/>
      <c r="BA131" s="11"/>
      <c r="BB131" s="11"/>
      <c r="BC131" s="11"/>
      <c r="BD131" s="83"/>
      <c r="BE131" s="83"/>
      <c r="BF131" s="83"/>
      <c r="BG131" s="83"/>
      <c r="BH131" s="83"/>
      <c r="BI131" s="83"/>
      <c r="BJ131" s="83"/>
      <c r="BK131" s="83"/>
      <c r="BL131" s="11"/>
      <c r="BM131" s="83"/>
      <c r="BN131" s="37"/>
    </row>
    <row r="132" spans="1:66" x14ac:dyDescent="0.3">
      <c r="A132" s="78" t="s">
        <v>98</v>
      </c>
      <c r="B132" s="80">
        <v>70</v>
      </c>
      <c r="C132" s="80"/>
      <c r="D132" t="s">
        <v>631</v>
      </c>
      <c r="E132">
        <v>649</v>
      </c>
      <c r="G132" s="78" t="s">
        <v>98</v>
      </c>
      <c r="H132" s="80">
        <v>70</v>
      </c>
      <c r="I132" s="89" t="s">
        <v>649</v>
      </c>
      <c r="J132" s="81">
        <v>666</v>
      </c>
      <c r="K132" s="82" t="s">
        <v>650</v>
      </c>
      <c r="L132">
        <v>70</v>
      </c>
      <c r="M132">
        <v>666</v>
      </c>
      <c r="N132">
        <v>2</v>
      </c>
      <c r="O132" t="s">
        <v>350</v>
      </c>
      <c r="P132">
        <v>26.5</v>
      </c>
      <c r="Q132">
        <v>0</v>
      </c>
      <c r="R132">
        <v>0</v>
      </c>
      <c r="S132">
        <v>0</v>
      </c>
      <c r="T132">
        <v>0</v>
      </c>
      <c r="U132">
        <v>0</v>
      </c>
      <c r="V132">
        <v>0</v>
      </c>
      <c r="W132">
        <v>0</v>
      </c>
      <c r="X132" t="s">
        <v>651</v>
      </c>
      <c r="Y132">
        <v>0</v>
      </c>
      <c r="Z132">
        <v>0</v>
      </c>
      <c r="AA132">
        <v>0</v>
      </c>
      <c r="AB132">
        <v>0</v>
      </c>
      <c r="AC132">
        <v>0</v>
      </c>
      <c r="AD132">
        <v>0</v>
      </c>
      <c r="AE132">
        <v>0</v>
      </c>
      <c r="AF132" t="s">
        <v>652</v>
      </c>
      <c r="AG132">
        <v>0</v>
      </c>
      <c r="AH132">
        <v>0</v>
      </c>
      <c r="AI132">
        <v>0</v>
      </c>
      <c r="AJ132">
        <v>0</v>
      </c>
      <c r="AK132">
        <v>0</v>
      </c>
      <c r="AL132">
        <v>0</v>
      </c>
      <c r="AM132">
        <v>0</v>
      </c>
      <c r="AN132" s="37">
        <v>12974.4</v>
      </c>
      <c r="AO132" s="37">
        <v>0</v>
      </c>
      <c r="AP132" s="37">
        <v>0</v>
      </c>
      <c r="AQ132" s="37">
        <v>0</v>
      </c>
      <c r="AR132" s="37">
        <v>0</v>
      </c>
      <c r="AS132" s="37">
        <v>0</v>
      </c>
      <c r="AT132" s="37">
        <v>0</v>
      </c>
      <c r="AU132" s="37">
        <v>0</v>
      </c>
      <c r="AV132" t="s">
        <v>653</v>
      </c>
      <c r="AW132">
        <v>0</v>
      </c>
      <c r="AX132">
        <v>0</v>
      </c>
      <c r="AY132">
        <v>0</v>
      </c>
      <c r="AZ132">
        <v>0</v>
      </c>
      <c r="BA132">
        <v>0</v>
      </c>
      <c r="BB132">
        <v>0</v>
      </c>
      <c r="BC132">
        <v>0</v>
      </c>
      <c r="BD132" s="37">
        <v>12974.4</v>
      </c>
      <c r="BE132" s="37">
        <v>0</v>
      </c>
      <c r="BF132" s="37">
        <v>0</v>
      </c>
      <c r="BG132" s="37">
        <v>0</v>
      </c>
      <c r="BH132" s="37">
        <v>0</v>
      </c>
      <c r="BI132" s="37">
        <v>0</v>
      </c>
      <c r="BJ132" s="37">
        <v>0</v>
      </c>
      <c r="BK132" s="37">
        <v>0</v>
      </c>
      <c r="BL132">
        <v>2</v>
      </c>
      <c r="BM132" s="37">
        <v>12974.4</v>
      </c>
      <c r="BN132" s="83">
        <v>74110.8</v>
      </c>
    </row>
    <row r="133" spans="1:66" x14ac:dyDescent="0.3">
      <c r="A133" s="78" t="s">
        <v>98</v>
      </c>
      <c r="B133" s="80">
        <v>70</v>
      </c>
      <c r="C133" s="80"/>
      <c r="D133" t="s">
        <v>584</v>
      </c>
      <c r="E133">
        <v>650</v>
      </c>
      <c r="G133" s="78" t="s">
        <v>98</v>
      </c>
      <c r="H133" s="80">
        <v>70</v>
      </c>
      <c r="I133" s="89" t="s">
        <v>654</v>
      </c>
      <c r="J133" s="81">
        <v>665</v>
      </c>
      <c r="K133" s="82" t="s">
        <v>650</v>
      </c>
      <c r="L133" s="86">
        <v>70</v>
      </c>
      <c r="M133" s="11">
        <v>665</v>
      </c>
      <c r="N133" s="11">
        <v>124</v>
      </c>
      <c r="O133" s="11" t="s">
        <v>259</v>
      </c>
      <c r="P133" s="11">
        <v>6.6</v>
      </c>
      <c r="Q133" s="11">
        <v>6.8</v>
      </c>
      <c r="R133" s="11">
        <v>7.7</v>
      </c>
      <c r="S133" s="11">
        <v>25</v>
      </c>
      <c r="T133" s="11">
        <v>27</v>
      </c>
      <c r="U133" s="11">
        <v>0</v>
      </c>
      <c r="V133" s="11">
        <v>0</v>
      </c>
      <c r="W133" s="11">
        <v>0</v>
      </c>
      <c r="X133" s="11" t="s">
        <v>256</v>
      </c>
      <c r="Y133" s="11" t="s">
        <v>256</v>
      </c>
      <c r="Z133" s="11" t="s">
        <v>256</v>
      </c>
      <c r="AA133" s="11" t="s">
        <v>256</v>
      </c>
      <c r="AB133" s="11" t="s">
        <v>256</v>
      </c>
      <c r="AC133" s="11">
        <v>0</v>
      </c>
      <c r="AD133" s="11">
        <v>0</v>
      </c>
      <c r="AE133" s="11">
        <v>0</v>
      </c>
      <c r="AF133" s="11" t="s">
        <v>655</v>
      </c>
      <c r="AG133" s="11" t="s">
        <v>655</v>
      </c>
      <c r="AH133" s="11" t="s">
        <v>655</v>
      </c>
      <c r="AI133" s="11" t="s">
        <v>656</v>
      </c>
      <c r="AJ133" s="11" t="s">
        <v>656</v>
      </c>
      <c r="AK133" s="11">
        <v>0</v>
      </c>
      <c r="AL133" s="11">
        <v>0</v>
      </c>
      <c r="AM133" s="11">
        <v>0</v>
      </c>
      <c r="AN133" s="83">
        <v>599.35680000000002</v>
      </c>
      <c r="AO133" s="83">
        <v>5993.5680000000002</v>
      </c>
      <c r="AP133" s="83">
        <v>12286.814400000001</v>
      </c>
      <c r="AQ133" s="83">
        <v>0</v>
      </c>
      <c r="AR133" s="83">
        <v>0</v>
      </c>
      <c r="AS133" s="83">
        <v>0</v>
      </c>
      <c r="AT133" s="83">
        <v>0</v>
      </c>
      <c r="AU133" s="83">
        <v>0</v>
      </c>
      <c r="AV133" s="11">
        <v>0</v>
      </c>
      <c r="AW133" s="11">
        <v>0</v>
      </c>
      <c r="AX133" s="11">
        <v>0</v>
      </c>
      <c r="AY133" s="11" t="s">
        <v>657</v>
      </c>
      <c r="AZ133" s="11" t="s">
        <v>658</v>
      </c>
      <c r="BA133" s="11">
        <v>0</v>
      </c>
      <c r="BB133" s="11">
        <v>0</v>
      </c>
      <c r="BC133" s="11">
        <v>0</v>
      </c>
      <c r="BD133" s="83">
        <v>0</v>
      </c>
      <c r="BE133" s="83">
        <v>0</v>
      </c>
      <c r="BF133" s="83">
        <v>0</v>
      </c>
      <c r="BG133" s="83">
        <v>24703.200000000001</v>
      </c>
      <c r="BH133" s="83">
        <v>49407.6</v>
      </c>
      <c r="BI133" s="83">
        <v>0</v>
      </c>
      <c r="BJ133" s="83">
        <v>0</v>
      </c>
      <c r="BK133" s="83">
        <v>0</v>
      </c>
      <c r="BL133" s="11">
        <v>124</v>
      </c>
      <c r="BM133" s="83">
        <v>18879.739200000004</v>
      </c>
      <c r="BN133" s="83">
        <v>64800</v>
      </c>
    </row>
    <row r="134" spans="1:66" x14ac:dyDescent="0.3">
      <c r="A134" s="78" t="s">
        <v>98</v>
      </c>
      <c r="B134" s="80">
        <v>70</v>
      </c>
      <c r="C134" s="80"/>
      <c r="D134" t="s">
        <v>584</v>
      </c>
      <c r="E134">
        <v>650</v>
      </c>
      <c r="G134" s="78" t="s">
        <v>98</v>
      </c>
      <c r="H134" s="80">
        <v>70</v>
      </c>
      <c r="I134" s="81" t="s">
        <v>659</v>
      </c>
      <c r="J134" s="81">
        <v>664</v>
      </c>
      <c r="K134" s="82" t="s">
        <v>650</v>
      </c>
      <c r="L134" s="86">
        <v>70</v>
      </c>
      <c r="M134" s="11">
        <v>664</v>
      </c>
      <c r="N134" s="11">
        <v>32</v>
      </c>
      <c r="O134" s="11" t="s">
        <v>259</v>
      </c>
      <c r="P134" s="11">
        <v>10</v>
      </c>
      <c r="Q134" s="11">
        <v>14</v>
      </c>
      <c r="R134" s="11">
        <v>9</v>
      </c>
      <c r="S134" s="11">
        <v>7</v>
      </c>
      <c r="T134" s="11">
        <v>0</v>
      </c>
      <c r="U134" s="11">
        <v>0</v>
      </c>
      <c r="V134" s="11">
        <v>0</v>
      </c>
      <c r="W134" s="11">
        <v>0</v>
      </c>
      <c r="X134" s="11" t="s">
        <v>421</v>
      </c>
      <c r="Y134" s="11" t="s">
        <v>421</v>
      </c>
      <c r="Z134" s="11" t="s">
        <v>421</v>
      </c>
      <c r="AA134" s="11" t="s">
        <v>421</v>
      </c>
      <c r="AB134" s="11">
        <v>0</v>
      </c>
      <c r="AC134" s="11">
        <v>0</v>
      </c>
      <c r="AD134" s="11">
        <v>0</v>
      </c>
      <c r="AE134" s="11">
        <v>0</v>
      </c>
      <c r="AF134" s="11" t="s">
        <v>660</v>
      </c>
      <c r="AG134" s="11" t="s">
        <v>660</v>
      </c>
      <c r="AH134" s="11" t="s">
        <v>660</v>
      </c>
      <c r="AI134" s="11" t="s">
        <v>660</v>
      </c>
      <c r="AJ134" s="11">
        <v>0</v>
      </c>
      <c r="AK134" s="11">
        <v>0</v>
      </c>
      <c r="AL134" s="11">
        <v>0</v>
      </c>
      <c r="AM134" s="11">
        <v>0</v>
      </c>
      <c r="AN134" s="83">
        <v>12150</v>
      </c>
      <c r="AO134" s="83">
        <v>10125</v>
      </c>
      <c r="AP134" s="83">
        <v>12150</v>
      </c>
      <c r="AQ134" s="83">
        <v>30375</v>
      </c>
      <c r="AR134" s="83">
        <v>0</v>
      </c>
      <c r="AS134" s="83">
        <v>0</v>
      </c>
      <c r="AT134" s="83">
        <v>0</v>
      </c>
      <c r="AU134" s="83">
        <v>0</v>
      </c>
      <c r="AV134" s="11">
        <v>0</v>
      </c>
      <c r="AW134" s="11">
        <v>0</v>
      </c>
      <c r="AX134" s="11">
        <v>0</v>
      </c>
      <c r="AY134" s="11">
        <v>0</v>
      </c>
      <c r="AZ134" s="11">
        <v>0</v>
      </c>
      <c r="BA134" s="11">
        <v>0</v>
      </c>
      <c r="BB134" s="11">
        <v>0</v>
      </c>
      <c r="BC134" s="11">
        <v>0</v>
      </c>
      <c r="BD134" s="83">
        <v>12150</v>
      </c>
      <c r="BE134" s="83">
        <v>10125</v>
      </c>
      <c r="BF134" s="83">
        <v>12150</v>
      </c>
      <c r="BG134" s="83">
        <v>30375</v>
      </c>
      <c r="BH134" s="83">
        <v>0</v>
      </c>
      <c r="BI134" s="83">
        <v>0</v>
      </c>
      <c r="BJ134" s="83">
        <v>0</v>
      </c>
      <c r="BK134" s="83">
        <v>0</v>
      </c>
      <c r="BL134" s="11">
        <v>32</v>
      </c>
      <c r="BM134" s="83">
        <v>64800</v>
      </c>
      <c r="BN134" s="83">
        <v>229034.51428571428</v>
      </c>
    </row>
    <row r="135" spans="1:66" x14ac:dyDescent="0.3">
      <c r="A135" s="78" t="s">
        <v>98</v>
      </c>
      <c r="B135" s="80">
        <v>70</v>
      </c>
      <c r="C135" s="80"/>
      <c r="D135" t="s">
        <v>584</v>
      </c>
      <c r="E135">
        <v>650</v>
      </c>
      <c r="G135" s="78" t="s">
        <v>98</v>
      </c>
      <c r="H135" s="80">
        <v>70</v>
      </c>
      <c r="I135" s="81" t="s">
        <v>70</v>
      </c>
      <c r="J135" s="81">
        <v>660</v>
      </c>
      <c r="K135" s="82" t="s">
        <v>650</v>
      </c>
      <c r="L135" s="86">
        <v>70</v>
      </c>
      <c r="M135" s="11">
        <v>660</v>
      </c>
      <c r="N135" s="11">
        <v>238</v>
      </c>
      <c r="O135" s="11" t="s">
        <v>204</v>
      </c>
      <c r="P135" s="11">
        <v>15.2</v>
      </c>
      <c r="Q135" s="11">
        <v>15.2</v>
      </c>
      <c r="R135" s="11">
        <v>40.299999999999997</v>
      </c>
      <c r="S135" s="11">
        <v>40.299999999999997</v>
      </c>
      <c r="T135" s="11">
        <v>15.2</v>
      </c>
      <c r="U135" s="11">
        <v>40.299999999999997</v>
      </c>
      <c r="V135" s="11">
        <v>40.299999999999997</v>
      </c>
      <c r="W135" s="11">
        <v>15.2</v>
      </c>
      <c r="X135" s="11" t="s">
        <v>256</v>
      </c>
      <c r="Y135" s="11" t="s">
        <v>496</v>
      </c>
      <c r="Z135" s="11" t="s">
        <v>256</v>
      </c>
      <c r="AA135" s="11" t="s">
        <v>496</v>
      </c>
      <c r="AB135" s="11" t="s">
        <v>496</v>
      </c>
      <c r="AC135" s="11" t="s">
        <v>256</v>
      </c>
      <c r="AD135" s="11" t="s">
        <v>496</v>
      </c>
      <c r="AE135" s="11">
        <v>0</v>
      </c>
      <c r="AF135" s="11" t="s">
        <v>661</v>
      </c>
      <c r="AG135" s="11" t="s">
        <v>662</v>
      </c>
      <c r="AH135" s="11" t="s">
        <v>663</v>
      </c>
      <c r="AI135" s="11" t="s">
        <v>664</v>
      </c>
      <c r="AJ135" s="11" t="s">
        <v>665</v>
      </c>
      <c r="AK135" s="11" t="s">
        <v>666</v>
      </c>
      <c r="AL135" s="11" t="s">
        <v>666</v>
      </c>
      <c r="AM135" s="11" t="s">
        <v>667</v>
      </c>
      <c r="AN135" s="83">
        <v>87313.881600000008</v>
      </c>
      <c r="AO135" s="83">
        <v>165082.97142857141</v>
      </c>
      <c r="AP135" s="83">
        <v>33652.225200000001</v>
      </c>
      <c r="AQ135" s="83">
        <v>21301.028571428571</v>
      </c>
      <c r="AR135" s="83">
        <v>32000</v>
      </c>
      <c r="AS135" s="83">
        <v>14417.04</v>
      </c>
      <c r="AT135" s="83">
        <v>31291.920000000002</v>
      </c>
      <c r="AU135" s="83">
        <v>10650.514285714286</v>
      </c>
      <c r="AV135" s="11">
        <v>0</v>
      </c>
      <c r="AW135" s="11" t="s">
        <v>668</v>
      </c>
      <c r="AX135" s="11">
        <v>0</v>
      </c>
      <c r="AY135" s="11" t="s">
        <v>668</v>
      </c>
      <c r="AZ135" s="11" t="s">
        <v>669</v>
      </c>
      <c r="BA135" s="11">
        <v>0</v>
      </c>
      <c r="BB135" s="11">
        <v>0</v>
      </c>
      <c r="BC135" s="11" t="s">
        <v>670</v>
      </c>
      <c r="BD135" s="83">
        <v>0</v>
      </c>
      <c r="BE135" s="83">
        <v>165082.97142857141</v>
      </c>
      <c r="BF135" s="83">
        <v>0</v>
      </c>
      <c r="BG135" s="83">
        <v>21301.028571428571</v>
      </c>
      <c r="BH135" s="83">
        <v>32000</v>
      </c>
      <c r="BI135" s="83">
        <v>0</v>
      </c>
      <c r="BJ135" s="83">
        <v>0</v>
      </c>
      <c r="BK135" s="83">
        <v>10650.514285714286</v>
      </c>
      <c r="BL135" s="11">
        <v>238</v>
      </c>
      <c r="BM135" s="83">
        <v>395709.58108571422</v>
      </c>
      <c r="BN135" s="83">
        <v>54600</v>
      </c>
    </row>
    <row r="136" spans="1:66" x14ac:dyDescent="0.3">
      <c r="A136" s="78" t="s">
        <v>99</v>
      </c>
      <c r="B136" s="80">
        <v>71</v>
      </c>
      <c r="C136" s="80"/>
      <c r="D136" t="s">
        <v>646</v>
      </c>
      <c r="E136">
        <v>651</v>
      </c>
      <c r="G136" s="78" t="s">
        <v>99</v>
      </c>
      <c r="H136" s="80">
        <v>71</v>
      </c>
      <c r="I136" s="81" t="s">
        <v>583</v>
      </c>
      <c r="J136" s="81">
        <v>624</v>
      </c>
      <c r="K136" s="82">
        <v>27</v>
      </c>
      <c r="L136" s="86">
        <v>71</v>
      </c>
      <c r="M136" s="11">
        <v>624</v>
      </c>
      <c r="N136" s="11">
        <v>30</v>
      </c>
      <c r="O136" s="11" t="s">
        <v>259</v>
      </c>
      <c r="P136" s="11">
        <v>2.2999999999999998</v>
      </c>
      <c r="Q136" s="11">
        <v>2.7</v>
      </c>
      <c r="R136" s="11">
        <v>4.5999999999999996</v>
      </c>
      <c r="S136" s="11">
        <v>5.0999999999999996</v>
      </c>
      <c r="T136" s="11">
        <v>0</v>
      </c>
      <c r="U136" s="11">
        <v>0</v>
      </c>
      <c r="V136" s="11">
        <v>0</v>
      </c>
      <c r="W136" s="11">
        <v>0</v>
      </c>
      <c r="X136" s="11" t="s">
        <v>396</v>
      </c>
      <c r="Y136" s="11" t="s">
        <v>396</v>
      </c>
      <c r="Z136" s="11" t="s">
        <v>396</v>
      </c>
      <c r="AA136" s="11" t="s">
        <v>396</v>
      </c>
      <c r="AB136" s="11">
        <v>0</v>
      </c>
      <c r="AC136" s="11">
        <v>0</v>
      </c>
      <c r="AD136" s="11">
        <v>0</v>
      </c>
      <c r="AE136" s="11">
        <v>0</v>
      </c>
      <c r="AF136" s="11" t="s">
        <v>671</v>
      </c>
      <c r="AG136" s="11" t="s">
        <v>671</v>
      </c>
      <c r="AH136" s="11" t="s">
        <v>671</v>
      </c>
      <c r="AI136" s="11" t="s">
        <v>671</v>
      </c>
      <c r="AJ136" s="11">
        <v>0</v>
      </c>
      <c r="AK136" s="11">
        <v>0</v>
      </c>
      <c r="AL136" s="11">
        <v>0</v>
      </c>
      <c r="AM136" s="11">
        <v>0</v>
      </c>
      <c r="AN136" s="83">
        <v>20800</v>
      </c>
      <c r="AO136" s="83">
        <v>10400</v>
      </c>
      <c r="AP136" s="83">
        <v>11440</v>
      </c>
      <c r="AQ136" s="83">
        <v>11960</v>
      </c>
      <c r="AR136" s="83">
        <v>0</v>
      </c>
      <c r="AS136" s="83">
        <v>0</v>
      </c>
      <c r="AT136" s="83">
        <v>0</v>
      </c>
      <c r="AU136" s="83">
        <v>0</v>
      </c>
      <c r="AV136" s="11" t="s">
        <v>672</v>
      </c>
      <c r="AW136" s="11" t="s">
        <v>673</v>
      </c>
      <c r="AX136" s="11" t="s">
        <v>674</v>
      </c>
      <c r="AY136" s="11" t="s">
        <v>674</v>
      </c>
      <c r="AZ136" s="11">
        <v>0</v>
      </c>
      <c r="BA136" s="11">
        <v>0</v>
      </c>
      <c r="BB136" s="11">
        <v>0</v>
      </c>
      <c r="BC136" s="11">
        <v>0</v>
      </c>
      <c r="BD136" s="83">
        <v>20800</v>
      </c>
      <c r="BE136" s="83">
        <v>10400</v>
      </c>
      <c r="BF136" s="83">
        <v>11440</v>
      </c>
      <c r="BG136" s="83">
        <v>11960</v>
      </c>
      <c r="BH136" s="83">
        <v>0</v>
      </c>
      <c r="BI136" s="83">
        <v>0</v>
      </c>
      <c r="BJ136" s="83">
        <v>0</v>
      </c>
      <c r="BK136" s="83">
        <v>0</v>
      </c>
      <c r="BL136" s="11">
        <v>30</v>
      </c>
      <c r="BM136" s="83">
        <v>54600</v>
      </c>
      <c r="BN136" s="83">
        <v>37023</v>
      </c>
    </row>
    <row r="137" spans="1:66" x14ac:dyDescent="0.3">
      <c r="A137" s="78" t="s">
        <v>100</v>
      </c>
      <c r="B137" s="79">
        <v>72</v>
      </c>
      <c r="C137" s="80"/>
      <c r="D137" t="s">
        <v>624</v>
      </c>
      <c r="E137">
        <v>652</v>
      </c>
      <c r="G137" s="78" t="s">
        <v>100</v>
      </c>
      <c r="H137" s="79">
        <v>72</v>
      </c>
      <c r="I137" s="81" t="s">
        <v>560</v>
      </c>
      <c r="J137" s="81">
        <v>622</v>
      </c>
      <c r="K137" s="82">
        <v>83</v>
      </c>
      <c r="L137" s="86">
        <v>72</v>
      </c>
      <c r="M137" s="11">
        <v>622</v>
      </c>
      <c r="N137" s="11">
        <v>94</v>
      </c>
      <c r="O137" s="11" t="s">
        <v>259</v>
      </c>
      <c r="P137" s="11">
        <v>2</v>
      </c>
      <c r="Q137" s="11">
        <v>1.27</v>
      </c>
      <c r="R137" s="11">
        <v>2.5099999999999998</v>
      </c>
      <c r="S137" s="11">
        <v>5.9</v>
      </c>
      <c r="T137" s="11">
        <v>0</v>
      </c>
      <c r="U137" s="11">
        <v>0</v>
      </c>
      <c r="V137" s="11">
        <v>0</v>
      </c>
      <c r="W137" s="11">
        <v>0</v>
      </c>
      <c r="X137" s="11" t="s">
        <v>256</v>
      </c>
      <c r="Y137" s="11" t="s">
        <v>256</v>
      </c>
      <c r="Z137" s="11" t="s">
        <v>256</v>
      </c>
      <c r="AA137" s="11" t="s">
        <v>256</v>
      </c>
      <c r="AB137" s="11">
        <v>0</v>
      </c>
      <c r="AC137" s="11">
        <v>0</v>
      </c>
      <c r="AD137" s="11">
        <v>0</v>
      </c>
      <c r="AE137" s="11">
        <v>0</v>
      </c>
      <c r="AF137" s="11" t="s">
        <v>675</v>
      </c>
      <c r="AG137" s="11" t="s">
        <v>675</v>
      </c>
      <c r="AH137" s="11" t="s">
        <v>675</v>
      </c>
      <c r="AI137" s="11" t="s">
        <v>675</v>
      </c>
      <c r="AJ137" s="11">
        <v>0</v>
      </c>
      <c r="AK137" s="11">
        <v>0</v>
      </c>
      <c r="AL137" s="11">
        <v>0</v>
      </c>
      <c r="AM137" s="11">
        <v>0</v>
      </c>
      <c r="AN137" s="83">
        <v>0</v>
      </c>
      <c r="AO137" s="83">
        <v>0</v>
      </c>
      <c r="AP137" s="83">
        <v>0</v>
      </c>
      <c r="AQ137" s="83">
        <v>0</v>
      </c>
      <c r="AR137" s="83">
        <v>0</v>
      </c>
      <c r="AS137" s="83">
        <v>0</v>
      </c>
      <c r="AT137" s="83">
        <v>0</v>
      </c>
      <c r="AU137" s="83">
        <v>0</v>
      </c>
      <c r="AV137" s="11" t="s">
        <v>676</v>
      </c>
      <c r="AW137" s="11" t="s">
        <v>676</v>
      </c>
      <c r="AX137" s="11" t="s">
        <v>676</v>
      </c>
      <c r="AY137" s="11" t="s">
        <v>676</v>
      </c>
      <c r="AZ137" s="11">
        <v>0</v>
      </c>
      <c r="BA137" s="11">
        <v>0</v>
      </c>
      <c r="BB137" s="11">
        <v>0</v>
      </c>
      <c r="BC137" s="11">
        <v>0</v>
      </c>
      <c r="BD137" s="83">
        <v>14967</v>
      </c>
      <c r="BE137" s="83">
        <v>8271</v>
      </c>
      <c r="BF137" s="83">
        <v>9847</v>
      </c>
      <c r="BG137" s="83">
        <v>3938</v>
      </c>
      <c r="BH137" s="83">
        <v>0</v>
      </c>
      <c r="BI137" s="83">
        <v>0</v>
      </c>
      <c r="BJ137" s="83">
        <v>0</v>
      </c>
      <c r="BK137" s="83">
        <v>0</v>
      </c>
      <c r="BL137" s="11">
        <v>94</v>
      </c>
      <c r="BM137" s="83">
        <v>0</v>
      </c>
      <c r="BN137" s="83">
        <v>11563</v>
      </c>
    </row>
    <row r="138" spans="1:66" x14ac:dyDescent="0.3">
      <c r="A138" s="78" t="s">
        <v>100</v>
      </c>
      <c r="B138" s="79">
        <v>72</v>
      </c>
      <c r="C138" s="80"/>
      <c r="D138" t="s">
        <v>427</v>
      </c>
      <c r="E138">
        <v>653</v>
      </c>
      <c r="G138" s="78" t="s">
        <v>100</v>
      </c>
      <c r="H138" s="79">
        <v>72</v>
      </c>
      <c r="I138" s="81" t="s">
        <v>568</v>
      </c>
      <c r="J138" s="81">
        <v>623</v>
      </c>
      <c r="K138" s="82">
        <v>85</v>
      </c>
      <c r="L138">
        <v>72</v>
      </c>
      <c r="M138">
        <v>623</v>
      </c>
      <c r="N138">
        <v>84</v>
      </c>
      <c r="O138" t="s">
        <v>259</v>
      </c>
      <c r="P138">
        <v>3.25</v>
      </c>
      <c r="Q138">
        <v>4</v>
      </c>
      <c r="R138">
        <v>4.5</v>
      </c>
      <c r="S138">
        <v>7.9</v>
      </c>
      <c r="T138">
        <v>4</v>
      </c>
      <c r="U138">
        <v>5.84</v>
      </c>
      <c r="V138">
        <v>5.2</v>
      </c>
      <c r="W138">
        <v>5.9</v>
      </c>
      <c r="X138" t="s">
        <v>256</v>
      </c>
      <c r="Y138" t="s">
        <v>256</v>
      </c>
      <c r="Z138" t="s">
        <v>256</v>
      </c>
      <c r="AA138" t="s">
        <v>256</v>
      </c>
      <c r="AB138" t="s">
        <v>256</v>
      </c>
      <c r="AC138" t="s">
        <v>256</v>
      </c>
      <c r="AD138" t="s">
        <v>256</v>
      </c>
      <c r="AE138">
        <v>0</v>
      </c>
      <c r="AF138" t="s">
        <v>675</v>
      </c>
      <c r="AG138" t="s">
        <v>675</v>
      </c>
      <c r="AH138" t="s">
        <v>675</v>
      </c>
      <c r="AI138" t="s">
        <v>675</v>
      </c>
      <c r="AJ138" t="s">
        <v>675</v>
      </c>
      <c r="AK138" t="s">
        <v>675</v>
      </c>
      <c r="AL138" t="s">
        <v>675</v>
      </c>
      <c r="AM138" t="s">
        <v>675</v>
      </c>
      <c r="AN138" s="37">
        <v>0</v>
      </c>
      <c r="AO138" s="37">
        <v>0</v>
      </c>
      <c r="AP138" s="37">
        <v>0</v>
      </c>
      <c r="AQ138" s="37">
        <v>0</v>
      </c>
      <c r="AR138" s="37">
        <v>0</v>
      </c>
      <c r="AS138" s="37">
        <v>0</v>
      </c>
      <c r="AT138" s="37">
        <v>0</v>
      </c>
      <c r="AU138" s="37">
        <v>0</v>
      </c>
      <c r="AV138" t="s">
        <v>676</v>
      </c>
      <c r="AW138" t="s">
        <v>677</v>
      </c>
      <c r="AX138" t="s">
        <v>677</v>
      </c>
      <c r="AY138" t="s">
        <v>676</v>
      </c>
      <c r="AZ138" t="s">
        <v>676</v>
      </c>
      <c r="BA138" t="s">
        <v>676</v>
      </c>
      <c r="BB138" t="s">
        <v>676</v>
      </c>
      <c r="BC138" t="s">
        <v>676</v>
      </c>
      <c r="BD138" s="37">
        <v>7557.9</v>
      </c>
      <c r="BE138" s="37">
        <v>1889.5</v>
      </c>
      <c r="BF138" s="37">
        <v>3778.95</v>
      </c>
      <c r="BG138" s="37">
        <v>768.75</v>
      </c>
      <c r="BH138" s="37">
        <v>8456.25</v>
      </c>
      <c r="BI138" s="37">
        <v>7687.5</v>
      </c>
      <c r="BJ138" s="37">
        <v>8456.25</v>
      </c>
      <c r="BK138" s="37">
        <v>1537.5</v>
      </c>
      <c r="BL138">
        <v>84</v>
      </c>
      <c r="BM138" s="37">
        <v>0</v>
      </c>
      <c r="BN138" s="83">
        <v>0</v>
      </c>
    </row>
    <row r="139" spans="1:66" x14ac:dyDescent="0.3">
      <c r="A139" s="78" t="s">
        <v>100</v>
      </c>
      <c r="B139" s="79">
        <v>72</v>
      </c>
      <c r="C139" s="80"/>
      <c r="D139" t="s">
        <v>427</v>
      </c>
      <c r="E139">
        <v>653</v>
      </c>
      <c r="G139" s="78" t="s">
        <v>100</v>
      </c>
      <c r="H139" s="79">
        <v>72</v>
      </c>
      <c r="I139" s="81" t="s">
        <v>361</v>
      </c>
      <c r="J139" s="81">
        <v>552</v>
      </c>
      <c r="K139" s="82">
        <v>27</v>
      </c>
    </row>
    <row r="140" spans="1:66" x14ac:dyDescent="0.3">
      <c r="A140" s="78" t="s">
        <v>100</v>
      </c>
      <c r="B140" s="79">
        <v>72</v>
      </c>
      <c r="C140" s="80"/>
      <c r="D140" t="s">
        <v>427</v>
      </c>
      <c r="E140">
        <v>653</v>
      </c>
      <c r="G140" s="78" t="s">
        <v>100</v>
      </c>
      <c r="H140" s="79">
        <v>72</v>
      </c>
      <c r="I140" s="81" t="s">
        <v>367</v>
      </c>
      <c r="J140" s="81">
        <v>553</v>
      </c>
      <c r="K140" s="82">
        <v>7</v>
      </c>
      <c r="L140" s="86">
        <v>72</v>
      </c>
      <c r="M140" s="11">
        <v>553</v>
      </c>
      <c r="N140" s="11">
        <v>8</v>
      </c>
      <c r="O140" s="11" t="s">
        <v>259</v>
      </c>
      <c r="P140" s="11">
        <v>15</v>
      </c>
      <c r="Q140" s="11">
        <v>15</v>
      </c>
      <c r="R140" s="11">
        <v>0</v>
      </c>
      <c r="S140" s="11">
        <v>0</v>
      </c>
      <c r="T140" s="11">
        <v>0</v>
      </c>
      <c r="U140" s="11">
        <v>0</v>
      </c>
      <c r="V140" s="11">
        <v>0</v>
      </c>
      <c r="W140" s="11">
        <v>0</v>
      </c>
      <c r="X140" s="11" t="s">
        <v>256</v>
      </c>
      <c r="Y140" s="11" t="s">
        <v>256</v>
      </c>
      <c r="Z140" s="11">
        <v>0</v>
      </c>
      <c r="AA140" s="11">
        <v>0</v>
      </c>
      <c r="AB140" s="11">
        <v>0</v>
      </c>
      <c r="AC140" s="11">
        <v>0</v>
      </c>
      <c r="AD140" s="11">
        <v>0</v>
      </c>
      <c r="AE140" s="11">
        <v>0</v>
      </c>
      <c r="AF140" s="11" t="s">
        <v>675</v>
      </c>
      <c r="AG140" s="11" t="s">
        <v>675</v>
      </c>
      <c r="AH140" s="11">
        <v>0</v>
      </c>
      <c r="AI140" s="11">
        <v>0</v>
      </c>
      <c r="AJ140" s="11">
        <v>0</v>
      </c>
      <c r="AK140" s="11">
        <v>0</v>
      </c>
      <c r="AL140" s="11">
        <v>0</v>
      </c>
      <c r="AM140" s="11">
        <v>0</v>
      </c>
      <c r="AN140" s="83">
        <v>0</v>
      </c>
      <c r="AO140" s="83">
        <v>0</v>
      </c>
      <c r="AP140" s="83">
        <v>0</v>
      </c>
      <c r="AQ140" s="83">
        <v>0</v>
      </c>
      <c r="AR140" s="83">
        <v>0</v>
      </c>
      <c r="AS140" s="83">
        <v>0</v>
      </c>
      <c r="AT140" s="83">
        <v>0</v>
      </c>
      <c r="AU140" s="83">
        <v>0</v>
      </c>
      <c r="AV140" s="11">
        <v>0</v>
      </c>
      <c r="AW140" s="11">
        <v>0</v>
      </c>
      <c r="AX140" s="11">
        <v>0</v>
      </c>
      <c r="AY140" s="11">
        <v>0</v>
      </c>
      <c r="AZ140" s="11">
        <v>0</v>
      </c>
      <c r="BA140" s="11">
        <v>0</v>
      </c>
      <c r="BB140" s="11">
        <v>0</v>
      </c>
      <c r="BC140" s="11">
        <v>0</v>
      </c>
      <c r="BD140" s="83">
        <v>8623</v>
      </c>
      <c r="BE140" s="83">
        <v>2940</v>
      </c>
      <c r="BF140" s="83">
        <v>0</v>
      </c>
      <c r="BG140" s="83">
        <v>0</v>
      </c>
      <c r="BH140" s="83">
        <v>0</v>
      </c>
      <c r="BI140" s="83">
        <v>0</v>
      </c>
      <c r="BJ140" s="83">
        <v>0</v>
      </c>
      <c r="BK140" s="83">
        <v>0</v>
      </c>
      <c r="BL140" s="11">
        <v>8</v>
      </c>
      <c r="BM140" s="83">
        <v>0</v>
      </c>
      <c r="BN140" s="37">
        <v>40132.6</v>
      </c>
    </row>
    <row r="141" spans="1:66" x14ac:dyDescent="0.3">
      <c r="A141" s="78"/>
      <c r="B141" s="79"/>
      <c r="C141" s="80"/>
      <c r="D141" t="s">
        <v>68</v>
      </c>
      <c r="E141">
        <v>654</v>
      </c>
      <c r="G141" s="78"/>
      <c r="H141" s="79"/>
      <c r="I141" s="81"/>
      <c r="J141" s="81"/>
      <c r="K141" s="82"/>
      <c r="L141">
        <v>72</v>
      </c>
      <c r="M141">
        <v>553</v>
      </c>
      <c r="N141">
        <v>8</v>
      </c>
      <c r="O141" t="s">
        <v>259</v>
      </c>
      <c r="P141">
        <v>15</v>
      </c>
      <c r="Q141">
        <v>15</v>
      </c>
      <c r="R141">
        <v>0</v>
      </c>
      <c r="S141">
        <v>0</v>
      </c>
      <c r="T141">
        <v>0</v>
      </c>
      <c r="U141">
        <v>0</v>
      </c>
      <c r="V141">
        <v>0</v>
      </c>
      <c r="W141">
        <v>0</v>
      </c>
      <c r="X141" t="s">
        <v>256</v>
      </c>
      <c r="Y141" t="s">
        <v>256</v>
      </c>
      <c r="Z141">
        <v>0</v>
      </c>
      <c r="AA141">
        <v>0</v>
      </c>
      <c r="AB141">
        <v>0</v>
      </c>
      <c r="AC141">
        <v>0</v>
      </c>
      <c r="AD141">
        <v>0</v>
      </c>
      <c r="AE141">
        <v>0</v>
      </c>
      <c r="AF141" t="s">
        <v>675</v>
      </c>
      <c r="AG141" t="s">
        <v>675</v>
      </c>
      <c r="AH141">
        <v>0</v>
      </c>
      <c r="AI141">
        <v>0</v>
      </c>
      <c r="AJ141">
        <v>0</v>
      </c>
      <c r="AK141">
        <v>0</v>
      </c>
      <c r="AL141">
        <v>0</v>
      </c>
      <c r="AM141">
        <v>0</v>
      </c>
      <c r="AN141" s="37">
        <v>0</v>
      </c>
      <c r="AO141" s="37">
        <v>0</v>
      </c>
      <c r="AP141" s="37">
        <v>0</v>
      </c>
      <c r="AQ141" s="37">
        <v>0</v>
      </c>
      <c r="AR141" s="37">
        <v>0</v>
      </c>
      <c r="AS141" s="37">
        <v>0</v>
      </c>
      <c r="AT141" s="37">
        <v>0</v>
      </c>
      <c r="AU141" s="37">
        <v>0</v>
      </c>
      <c r="AV141">
        <v>0</v>
      </c>
      <c r="AW141">
        <v>0</v>
      </c>
      <c r="AX141">
        <v>0</v>
      </c>
      <c r="AY141">
        <v>0</v>
      </c>
      <c r="AZ141">
        <v>0</v>
      </c>
      <c r="BA141">
        <v>0</v>
      </c>
      <c r="BB141">
        <v>0</v>
      </c>
      <c r="BC141">
        <v>0</v>
      </c>
      <c r="BD141" s="37">
        <v>8623</v>
      </c>
      <c r="BE141" s="37">
        <v>2940</v>
      </c>
      <c r="BF141" s="37">
        <v>0</v>
      </c>
      <c r="BG141" s="37">
        <v>0</v>
      </c>
      <c r="BH141" s="37">
        <v>0</v>
      </c>
      <c r="BI141" s="37">
        <v>0</v>
      </c>
      <c r="BJ141" s="37">
        <v>0</v>
      </c>
      <c r="BK141" s="37">
        <v>0</v>
      </c>
      <c r="BL141">
        <v>8</v>
      </c>
      <c r="BM141" s="37">
        <v>0</v>
      </c>
      <c r="BN141" s="83">
        <v>11563</v>
      </c>
    </row>
    <row r="142" spans="1:66" x14ac:dyDescent="0.3">
      <c r="A142" s="78" t="s">
        <v>100</v>
      </c>
      <c r="B142" s="79">
        <v>72</v>
      </c>
      <c r="C142" s="80"/>
      <c r="D142" t="s">
        <v>69</v>
      </c>
      <c r="E142">
        <v>655</v>
      </c>
      <c r="G142" s="78" t="s">
        <v>100</v>
      </c>
      <c r="H142" s="79">
        <v>72</v>
      </c>
      <c r="I142" s="81" t="s">
        <v>585</v>
      </c>
      <c r="J142" s="81">
        <v>625</v>
      </c>
      <c r="K142" s="82">
        <v>1</v>
      </c>
      <c r="AN142" s="37"/>
      <c r="AO142" s="37"/>
      <c r="AP142" s="37"/>
      <c r="AQ142" s="37"/>
      <c r="AR142" s="37"/>
      <c r="AS142" s="37"/>
      <c r="AT142" s="37"/>
      <c r="AU142" s="37"/>
      <c r="BD142" s="37"/>
      <c r="BE142" s="37"/>
      <c r="BF142" s="37"/>
      <c r="BG142" s="37"/>
      <c r="BH142" s="37"/>
      <c r="BI142" s="37"/>
      <c r="BJ142" s="37"/>
      <c r="BK142" s="37"/>
      <c r="BM142" s="37"/>
      <c r="BN142" s="83"/>
    </row>
    <row r="143" spans="1:66" x14ac:dyDescent="0.3">
      <c r="A143" s="78" t="s">
        <v>100</v>
      </c>
      <c r="B143" s="79">
        <v>72</v>
      </c>
      <c r="C143" s="80"/>
      <c r="D143" t="s">
        <v>586</v>
      </c>
      <c r="E143">
        <v>656</v>
      </c>
      <c r="G143" s="78" t="s">
        <v>100</v>
      </c>
      <c r="H143" s="79">
        <v>72</v>
      </c>
      <c r="I143" s="81" t="s">
        <v>322</v>
      </c>
      <c r="J143" s="81">
        <v>722</v>
      </c>
      <c r="K143" s="82">
        <v>3</v>
      </c>
      <c r="AN143" s="37"/>
      <c r="AO143" s="37"/>
      <c r="AP143" s="37"/>
      <c r="AQ143" s="37"/>
      <c r="AR143" s="37"/>
      <c r="AS143" s="37"/>
      <c r="AT143" s="37"/>
      <c r="AU143" s="37"/>
      <c r="BD143" s="37"/>
      <c r="BE143" s="37"/>
      <c r="BF143" s="37"/>
      <c r="BG143" s="37"/>
      <c r="BH143" s="37"/>
      <c r="BI143" s="37"/>
      <c r="BJ143" s="37"/>
      <c r="BK143" s="37"/>
      <c r="BM143" s="37"/>
      <c r="BN143" s="83"/>
    </row>
    <row r="144" spans="1:66" x14ac:dyDescent="0.3">
      <c r="A144" s="78" t="s">
        <v>100</v>
      </c>
      <c r="B144" s="79">
        <v>72</v>
      </c>
      <c r="C144" s="80"/>
      <c r="D144" t="s">
        <v>586</v>
      </c>
      <c r="E144">
        <v>656</v>
      </c>
      <c r="G144" s="78" t="s">
        <v>100</v>
      </c>
      <c r="H144" s="79">
        <v>72</v>
      </c>
      <c r="I144" s="81" t="s">
        <v>300</v>
      </c>
      <c r="J144" s="81">
        <v>541</v>
      </c>
      <c r="K144" s="82">
        <v>1</v>
      </c>
      <c r="AN144" s="37"/>
      <c r="AO144" s="37"/>
      <c r="AP144" s="37"/>
      <c r="AQ144" s="37"/>
      <c r="AR144" s="37"/>
      <c r="AS144" s="37"/>
      <c r="AT144" s="37"/>
      <c r="AU144" s="37"/>
      <c r="BD144" s="37"/>
      <c r="BE144" s="37"/>
      <c r="BF144" s="37"/>
      <c r="BG144" s="37"/>
      <c r="BH144" s="37"/>
      <c r="BI144" s="37"/>
      <c r="BJ144" s="37"/>
      <c r="BK144" s="37"/>
      <c r="BM144" s="37"/>
      <c r="BN144" s="83"/>
    </row>
    <row r="145" spans="1:66" x14ac:dyDescent="0.3">
      <c r="A145" s="78" t="s">
        <v>100</v>
      </c>
      <c r="B145" s="79">
        <v>73</v>
      </c>
      <c r="C145" s="80"/>
      <c r="D145" t="s">
        <v>608</v>
      </c>
      <c r="E145">
        <v>657</v>
      </c>
      <c r="G145" s="78" t="s">
        <v>101</v>
      </c>
      <c r="H145" s="79">
        <v>73</v>
      </c>
      <c r="I145" s="81" t="s">
        <v>678</v>
      </c>
      <c r="J145" s="81">
        <v>684</v>
      </c>
      <c r="K145" s="82">
        <v>35</v>
      </c>
      <c r="L145">
        <v>73</v>
      </c>
      <c r="M145">
        <v>684</v>
      </c>
      <c r="N145">
        <v>51</v>
      </c>
      <c r="O145" t="s">
        <v>204</v>
      </c>
      <c r="P145">
        <v>2.4</v>
      </c>
      <c r="Q145">
        <v>9</v>
      </c>
      <c r="R145">
        <v>12</v>
      </c>
      <c r="S145">
        <v>2.2999999999999998</v>
      </c>
      <c r="T145">
        <v>3.7</v>
      </c>
      <c r="U145">
        <v>7.9</v>
      </c>
      <c r="V145">
        <v>0</v>
      </c>
      <c r="W145">
        <v>0</v>
      </c>
      <c r="X145" t="s">
        <v>256</v>
      </c>
      <c r="Y145" t="s">
        <v>256</v>
      </c>
      <c r="Z145" t="s">
        <v>256</v>
      </c>
      <c r="AA145" t="s">
        <v>256</v>
      </c>
      <c r="AB145" t="s">
        <v>256</v>
      </c>
      <c r="AC145" t="s">
        <v>256</v>
      </c>
      <c r="AD145">
        <v>0</v>
      </c>
      <c r="AE145">
        <v>0</v>
      </c>
      <c r="AF145" t="s">
        <v>679</v>
      </c>
      <c r="AG145" t="s">
        <v>679</v>
      </c>
      <c r="AH145" t="s">
        <v>679</v>
      </c>
      <c r="AI145" t="s">
        <v>679</v>
      </c>
      <c r="AJ145" t="s">
        <v>679</v>
      </c>
      <c r="AK145" t="s">
        <v>679</v>
      </c>
      <c r="AL145">
        <v>0</v>
      </c>
      <c r="AM145">
        <v>0</v>
      </c>
      <c r="AN145" s="37">
        <v>71543</v>
      </c>
      <c r="AO145" s="37">
        <v>4208</v>
      </c>
      <c r="AP145" s="37">
        <v>4208</v>
      </c>
      <c r="AQ145" s="37">
        <v>4208</v>
      </c>
      <c r="AR145" s="37">
        <v>4208</v>
      </c>
      <c r="AS145" s="37">
        <v>4208</v>
      </c>
      <c r="AT145" s="37">
        <v>0</v>
      </c>
      <c r="AU145" s="37">
        <v>0</v>
      </c>
      <c r="AV145" t="s">
        <v>680</v>
      </c>
      <c r="AW145" t="s">
        <v>680</v>
      </c>
      <c r="AX145" t="s">
        <v>680</v>
      </c>
      <c r="AY145" t="s">
        <v>680</v>
      </c>
      <c r="AZ145" t="s">
        <v>680</v>
      </c>
      <c r="BA145" t="s">
        <v>680</v>
      </c>
      <c r="BB145" t="s">
        <v>681</v>
      </c>
      <c r="BC145">
        <v>0</v>
      </c>
      <c r="BD145" s="37">
        <v>28500</v>
      </c>
      <c r="BE145" s="37">
        <v>1629</v>
      </c>
      <c r="BF145" s="37">
        <v>1629</v>
      </c>
      <c r="BG145" s="37">
        <v>1629</v>
      </c>
      <c r="BH145" s="37">
        <v>1629</v>
      </c>
      <c r="BI145" s="37">
        <v>1629</v>
      </c>
      <c r="BJ145" s="37">
        <v>30000</v>
      </c>
      <c r="BK145" s="37">
        <v>0</v>
      </c>
      <c r="BL145">
        <v>53</v>
      </c>
      <c r="BM145" s="37">
        <v>92583</v>
      </c>
      <c r="BN145" s="83">
        <v>66645</v>
      </c>
    </row>
    <row r="146" spans="1:66" x14ac:dyDescent="0.3">
      <c r="A146" s="78"/>
      <c r="B146" s="79">
        <v>73</v>
      </c>
      <c r="C146" s="80"/>
      <c r="D146" t="s">
        <v>603</v>
      </c>
      <c r="E146">
        <v>658</v>
      </c>
      <c r="G146" s="78" t="s">
        <v>101</v>
      </c>
      <c r="H146" s="79">
        <v>73</v>
      </c>
      <c r="I146" s="81" t="s">
        <v>682</v>
      </c>
      <c r="J146" s="81">
        <v>689</v>
      </c>
      <c r="K146" s="82">
        <v>27</v>
      </c>
      <c r="AN146" s="37"/>
      <c r="AO146" s="37"/>
      <c r="AP146" s="37"/>
      <c r="AQ146" s="37"/>
      <c r="AR146" s="37"/>
      <c r="AS146" s="37"/>
      <c r="AT146" s="37"/>
      <c r="AU146" s="37"/>
      <c r="BD146" s="37"/>
      <c r="BE146" s="37"/>
      <c r="BF146" s="37"/>
      <c r="BG146" s="37"/>
      <c r="BH146" s="37"/>
      <c r="BI146" s="37"/>
      <c r="BJ146" s="37"/>
      <c r="BK146" s="37"/>
      <c r="BM146" s="37"/>
      <c r="BN146" s="83"/>
    </row>
    <row r="147" spans="1:66" x14ac:dyDescent="0.3">
      <c r="A147" s="78" t="s">
        <v>100</v>
      </c>
      <c r="B147" s="79">
        <v>73</v>
      </c>
      <c r="C147" s="80"/>
      <c r="D147" t="s">
        <v>70</v>
      </c>
      <c r="E147">
        <v>660</v>
      </c>
      <c r="G147" s="78" t="s">
        <v>101</v>
      </c>
      <c r="H147" s="79">
        <v>73</v>
      </c>
      <c r="I147" s="81" t="s">
        <v>683</v>
      </c>
      <c r="J147" s="81">
        <v>690</v>
      </c>
      <c r="K147" s="82">
        <v>55</v>
      </c>
      <c r="L147">
        <v>73</v>
      </c>
      <c r="M147">
        <v>690</v>
      </c>
      <c r="N147">
        <v>24</v>
      </c>
      <c r="O147" t="s">
        <v>204</v>
      </c>
      <c r="P147">
        <v>11.4</v>
      </c>
      <c r="Q147">
        <v>8</v>
      </c>
      <c r="R147">
        <v>10</v>
      </c>
      <c r="S147">
        <v>0</v>
      </c>
      <c r="T147">
        <v>0</v>
      </c>
      <c r="U147">
        <v>0</v>
      </c>
      <c r="V147">
        <v>0</v>
      </c>
      <c r="W147">
        <v>0</v>
      </c>
      <c r="X147" t="s">
        <v>269</v>
      </c>
      <c r="Y147" t="s">
        <v>269</v>
      </c>
      <c r="Z147" t="s">
        <v>386</v>
      </c>
      <c r="AA147" t="s">
        <v>269</v>
      </c>
      <c r="AB147">
        <v>0</v>
      </c>
      <c r="AC147">
        <v>0</v>
      </c>
      <c r="AD147">
        <v>0</v>
      </c>
      <c r="AE147">
        <v>0</v>
      </c>
      <c r="AF147" t="s">
        <v>684</v>
      </c>
      <c r="AG147" t="s">
        <v>684</v>
      </c>
      <c r="AH147" t="s">
        <v>684</v>
      </c>
      <c r="AI147" t="s">
        <v>685</v>
      </c>
      <c r="AJ147">
        <v>0</v>
      </c>
      <c r="AK147">
        <v>0</v>
      </c>
      <c r="AL147">
        <v>0</v>
      </c>
      <c r="AM147">
        <v>0</v>
      </c>
      <c r="AN147" s="37">
        <v>9500</v>
      </c>
      <c r="AO147" s="37">
        <v>7560</v>
      </c>
      <c r="AP147" s="37">
        <v>2693</v>
      </c>
      <c r="AQ147" s="37">
        <v>2000</v>
      </c>
      <c r="AR147" s="37">
        <v>0</v>
      </c>
      <c r="AS147" s="37">
        <v>0</v>
      </c>
      <c r="AT147" s="37">
        <v>0</v>
      </c>
      <c r="AU147" s="37">
        <v>0</v>
      </c>
      <c r="AV147" t="s">
        <v>686</v>
      </c>
      <c r="AW147" t="s">
        <v>686</v>
      </c>
      <c r="AX147" t="s">
        <v>687</v>
      </c>
      <c r="AY147" t="s">
        <v>688</v>
      </c>
      <c r="AZ147">
        <v>0</v>
      </c>
      <c r="BA147">
        <v>0</v>
      </c>
      <c r="BB147">
        <v>0</v>
      </c>
      <c r="BC147">
        <v>0</v>
      </c>
      <c r="BD147" s="37">
        <v>0</v>
      </c>
      <c r="BE147" s="37">
        <v>0</v>
      </c>
      <c r="BF147" s="37">
        <v>2693</v>
      </c>
      <c r="BG147" s="37">
        <v>2000</v>
      </c>
      <c r="BH147" s="37">
        <v>0</v>
      </c>
      <c r="BI147" s="37">
        <v>0</v>
      </c>
      <c r="BJ147" s="37">
        <v>0</v>
      </c>
      <c r="BK147" s="37">
        <v>0</v>
      </c>
      <c r="BL147">
        <v>24</v>
      </c>
      <c r="BM147" s="37">
        <v>21753</v>
      </c>
      <c r="BN147" s="83">
        <v>4693</v>
      </c>
    </row>
    <row r="148" spans="1:66" x14ac:dyDescent="0.3">
      <c r="A148" s="78" t="s">
        <v>100</v>
      </c>
      <c r="B148" s="79">
        <v>73</v>
      </c>
      <c r="C148" s="80"/>
      <c r="D148" t="s">
        <v>659</v>
      </c>
      <c r="E148">
        <v>664</v>
      </c>
      <c r="G148" s="78" t="s">
        <v>101</v>
      </c>
      <c r="H148" s="79">
        <v>73</v>
      </c>
      <c r="I148" s="81" t="s">
        <v>689</v>
      </c>
      <c r="J148" s="81">
        <v>691</v>
      </c>
      <c r="K148" s="82">
        <v>28</v>
      </c>
      <c r="L148">
        <v>73</v>
      </c>
      <c r="M148">
        <v>691</v>
      </c>
      <c r="N148">
        <v>35</v>
      </c>
      <c r="O148" t="s">
        <v>259</v>
      </c>
      <c r="P148">
        <v>15</v>
      </c>
      <c r="Q148">
        <v>12</v>
      </c>
      <c r="R148">
        <v>85</v>
      </c>
      <c r="S148">
        <v>0</v>
      </c>
      <c r="T148">
        <v>0</v>
      </c>
      <c r="U148">
        <v>0</v>
      </c>
      <c r="V148">
        <v>0</v>
      </c>
      <c r="W148">
        <v>0</v>
      </c>
      <c r="X148" t="s">
        <v>269</v>
      </c>
      <c r="Y148" t="s">
        <v>269</v>
      </c>
      <c r="Z148" t="s">
        <v>690</v>
      </c>
      <c r="AA148">
        <v>0</v>
      </c>
      <c r="AB148">
        <v>0</v>
      </c>
      <c r="AC148">
        <v>0</v>
      </c>
      <c r="AD148">
        <v>0</v>
      </c>
      <c r="AE148">
        <v>0</v>
      </c>
      <c r="AF148" t="s">
        <v>691</v>
      </c>
      <c r="AG148" t="s">
        <v>691</v>
      </c>
      <c r="AH148" t="s">
        <v>691</v>
      </c>
      <c r="AI148">
        <v>0</v>
      </c>
      <c r="AJ148">
        <v>0</v>
      </c>
      <c r="AK148">
        <v>0</v>
      </c>
      <c r="AL148">
        <v>0</v>
      </c>
      <c r="AM148">
        <v>0</v>
      </c>
      <c r="AN148" s="37">
        <v>18935</v>
      </c>
      <c r="AO148" s="37">
        <v>15150</v>
      </c>
      <c r="AP148" s="37">
        <v>21964</v>
      </c>
      <c r="AQ148" s="37">
        <v>0</v>
      </c>
      <c r="AR148" s="37">
        <v>0</v>
      </c>
      <c r="AS148" s="37">
        <v>0</v>
      </c>
      <c r="AT148" s="37">
        <v>0</v>
      </c>
      <c r="AU148" s="37">
        <v>0</v>
      </c>
      <c r="AV148" t="s">
        <v>686</v>
      </c>
      <c r="AW148" t="s">
        <v>686</v>
      </c>
      <c r="AX148" t="s">
        <v>686</v>
      </c>
      <c r="AY148">
        <v>0</v>
      </c>
      <c r="AZ148">
        <v>0</v>
      </c>
      <c r="BA148">
        <v>0</v>
      </c>
      <c r="BB148">
        <v>0</v>
      </c>
      <c r="BC148">
        <v>0</v>
      </c>
      <c r="BD148" s="37">
        <v>0</v>
      </c>
      <c r="BE148" s="37">
        <v>0</v>
      </c>
      <c r="BF148" s="37">
        <v>21964</v>
      </c>
      <c r="BG148" s="37">
        <v>0</v>
      </c>
      <c r="BH148" s="37">
        <v>0</v>
      </c>
      <c r="BI148" s="37">
        <v>0</v>
      </c>
      <c r="BJ148" s="37">
        <v>0</v>
      </c>
      <c r="BK148" s="37">
        <v>0</v>
      </c>
      <c r="BL148">
        <v>35</v>
      </c>
      <c r="BM148" s="37">
        <v>56049</v>
      </c>
      <c r="BN148" s="83">
        <v>21964</v>
      </c>
    </row>
    <row r="149" spans="1:66" x14ac:dyDescent="0.3">
      <c r="A149" s="78" t="s">
        <v>100</v>
      </c>
      <c r="B149" s="79">
        <v>73</v>
      </c>
      <c r="C149" s="80"/>
      <c r="D149" t="s">
        <v>654</v>
      </c>
      <c r="E149">
        <v>665</v>
      </c>
      <c r="G149" s="78" t="s">
        <v>101</v>
      </c>
      <c r="H149" s="79">
        <v>73</v>
      </c>
      <c r="I149" s="81" t="s">
        <v>692</v>
      </c>
      <c r="J149" s="81">
        <v>687</v>
      </c>
      <c r="K149" s="82">
        <v>18</v>
      </c>
      <c r="L149">
        <v>73</v>
      </c>
      <c r="M149">
        <v>687</v>
      </c>
      <c r="N149">
        <v>18</v>
      </c>
      <c r="O149" t="s">
        <v>204</v>
      </c>
      <c r="P149">
        <v>13.4</v>
      </c>
      <c r="Q149">
        <v>12</v>
      </c>
      <c r="R149">
        <v>0</v>
      </c>
      <c r="S149">
        <v>0</v>
      </c>
      <c r="T149">
        <v>0</v>
      </c>
      <c r="U149">
        <v>0</v>
      </c>
      <c r="V149">
        <v>0</v>
      </c>
      <c r="W149">
        <v>0</v>
      </c>
      <c r="X149" t="s">
        <v>269</v>
      </c>
      <c r="Y149" t="s">
        <v>269</v>
      </c>
      <c r="Z149">
        <v>0</v>
      </c>
      <c r="AA149">
        <v>0</v>
      </c>
      <c r="AB149">
        <v>0</v>
      </c>
      <c r="AC149">
        <v>0</v>
      </c>
      <c r="AD149">
        <v>0</v>
      </c>
      <c r="AE149">
        <v>0</v>
      </c>
      <c r="AF149" t="s">
        <v>691</v>
      </c>
      <c r="AG149" t="s">
        <v>691</v>
      </c>
      <c r="AH149">
        <v>0</v>
      </c>
      <c r="AI149">
        <v>0</v>
      </c>
      <c r="AJ149">
        <v>0</v>
      </c>
      <c r="AK149">
        <v>0</v>
      </c>
      <c r="AL149">
        <v>0</v>
      </c>
      <c r="AM149">
        <v>0</v>
      </c>
      <c r="AN149" s="37">
        <v>17000</v>
      </c>
      <c r="AO149" s="37">
        <v>74000</v>
      </c>
      <c r="AP149" s="37">
        <v>0</v>
      </c>
      <c r="AQ149" s="37">
        <v>0</v>
      </c>
      <c r="AR149" s="37">
        <v>0</v>
      </c>
      <c r="AS149" s="37">
        <v>0</v>
      </c>
      <c r="AT149" s="37">
        <v>0</v>
      </c>
      <c r="AU149" s="37">
        <v>0</v>
      </c>
      <c r="AV149" t="s">
        <v>686</v>
      </c>
      <c r="AW149" t="s">
        <v>686</v>
      </c>
      <c r="AX149">
        <v>0</v>
      </c>
      <c r="AY149">
        <v>0</v>
      </c>
      <c r="AZ149">
        <v>0</v>
      </c>
      <c r="BA149">
        <v>0</v>
      </c>
      <c r="BB149">
        <v>0</v>
      </c>
      <c r="BC149">
        <v>0</v>
      </c>
      <c r="BD149" s="37">
        <v>0</v>
      </c>
      <c r="BE149" s="37">
        <v>0</v>
      </c>
      <c r="BF149" s="37">
        <v>0</v>
      </c>
      <c r="BG149" s="37">
        <v>0</v>
      </c>
      <c r="BH149" s="37">
        <v>0</v>
      </c>
      <c r="BI149" s="37">
        <v>0</v>
      </c>
      <c r="BJ149" s="37">
        <v>0</v>
      </c>
      <c r="BK149" s="37">
        <v>0</v>
      </c>
      <c r="BL149">
        <v>30</v>
      </c>
      <c r="BM149" s="37">
        <v>91000</v>
      </c>
      <c r="BN149" s="83">
        <v>0</v>
      </c>
    </row>
    <row r="150" spans="1:66" x14ac:dyDescent="0.3">
      <c r="A150" s="78" t="s">
        <v>101</v>
      </c>
      <c r="B150" s="79">
        <v>73</v>
      </c>
      <c r="C150" s="80"/>
      <c r="D150" t="s">
        <v>649</v>
      </c>
      <c r="E150">
        <v>666</v>
      </c>
      <c r="G150" s="78" t="s">
        <v>101</v>
      </c>
      <c r="H150" s="79">
        <v>73</v>
      </c>
      <c r="I150" s="81" t="s">
        <v>629</v>
      </c>
      <c r="J150" s="81">
        <v>688</v>
      </c>
      <c r="K150" s="82">
        <v>83</v>
      </c>
      <c r="L150">
        <v>73</v>
      </c>
      <c r="M150">
        <v>688</v>
      </c>
      <c r="N150">
        <v>117</v>
      </c>
      <c r="O150" t="s">
        <v>204</v>
      </c>
      <c r="P150">
        <v>0</v>
      </c>
      <c r="Q150">
        <v>0</v>
      </c>
      <c r="R150">
        <v>0</v>
      </c>
      <c r="S150">
        <v>0</v>
      </c>
      <c r="T150">
        <v>0</v>
      </c>
      <c r="U150">
        <v>0</v>
      </c>
      <c r="V150">
        <v>0</v>
      </c>
      <c r="W150">
        <v>0</v>
      </c>
      <c r="X150">
        <v>0</v>
      </c>
      <c r="Y150">
        <v>0</v>
      </c>
      <c r="Z150">
        <v>0</v>
      </c>
      <c r="AA150">
        <v>0</v>
      </c>
      <c r="AB150">
        <v>0</v>
      </c>
      <c r="AC150">
        <v>0</v>
      </c>
      <c r="AD150">
        <v>0</v>
      </c>
      <c r="AE150">
        <v>0</v>
      </c>
      <c r="AF150">
        <v>0</v>
      </c>
      <c r="AG150">
        <v>0</v>
      </c>
      <c r="AH150">
        <v>0</v>
      </c>
      <c r="AI150">
        <v>0</v>
      </c>
      <c r="AJ150">
        <v>0</v>
      </c>
      <c r="AK150">
        <v>0</v>
      </c>
      <c r="AL150">
        <v>0</v>
      </c>
      <c r="AM150">
        <v>0</v>
      </c>
      <c r="AN150" s="37">
        <v>321939</v>
      </c>
      <c r="AO150" s="37">
        <v>0</v>
      </c>
      <c r="AP150" s="37">
        <v>0</v>
      </c>
      <c r="AQ150" s="37">
        <v>0</v>
      </c>
      <c r="AR150" s="37">
        <v>0</v>
      </c>
      <c r="AS150" s="37">
        <v>0</v>
      </c>
      <c r="AT150" s="37">
        <v>0</v>
      </c>
      <c r="AU150" s="37">
        <v>0</v>
      </c>
      <c r="AV150">
        <v>0</v>
      </c>
      <c r="AW150">
        <v>0</v>
      </c>
      <c r="AX150">
        <v>0</v>
      </c>
      <c r="AY150">
        <v>0</v>
      </c>
      <c r="AZ150">
        <v>0</v>
      </c>
      <c r="BA150">
        <v>0</v>
      </c>
      <c r="BB150">
        <v>0</v>
      </c>
      <c r="BC150">
        <v>0</v>
      </c>
      <c r="BD150" s="37">
        <v>89430</v>
      </c>
      <c r="BE150" s="37">
        <v>0</v>
      </c>
      <c r="BF150" s="37">
        <v>0</v>
      </c>
      <c r="BG150" s="37">
        <v>0</v>
      </c>
      <c r="BH150" s="37">
        <v>0</v>
      </c>
      <c r="BI150" s="37">
        <v>0</v>
      </c>
      <c r="BJ150" s="37">
        <v>0</v>
      </c>
      <c r="BK150" s="37">
        <v>0</v>
      </c>
      <c r="BL150">
        <v>91</v>
      </c>
      <c r="BM150" s="37">
        <v>321939</v>
      </c>
      <c r="BN150" s="83">
        <v>89430</v>
      </c>
    </row>
    <row r="151" spans="1:66" x14ac:dyDescent="0.3">
      <c r="A151" s="78" t="s">
        <v>101</v>
      </c>
      <c r="B151" s="79">
        <v>73</v>
      </c>
      <c r="C151" s="80"/>
      <c r="D151" t="s">
        <v>484</v>
      </c>
      <c r="E151">
        <v>669</v>
      </c>
      <c r="G151" s="78" t="s">
        <v>101</v>
      </c>
      <c r="H151" s="79">
        <v>73</v>
      </c>
      <c r="I151" s="81" t="s">
        <v>322</v>
      </c>
      <c r="J151" s="81">
        <v>722</v>
      </c>
      <c r="K151" s="82">
        <v>1</v>
      </c>
      <c r="AN151" s="37"/>
      <c r="AO151" s="37"/>
      <c r="AP151" s="37"/>
      <c r="AQ151" s="37"/>
      <c r="AR151" s="37"/>
      <c r="AS151" s="37"/>
      <c r="AT151" s="37"/>
      <c r="AU151" s="37"/>
      <c r="BD151" s="37"/>
      <c r="BE151" s="37"/>
      <c r="BF151" s="37"/>
      <c r="BG151" s="37"/>
      <c r="BH151" s="37"/>
      <c r="BI151" s="37"/>
      <c r="BJ151" s="37"/>
      <c r="BK151" s="37"/>
      <c r="BM151" s="37"/>
      <c r="BN151" s="83"/>
    </row>
    <row r="152" spans="1:66" x14ac:dyDescent="0.3">
      <c r="A152" s="78" t="s">
        <v>101</v>
      </c>
      <c r="B152" s="79">
        <v>73</v>
      </c>
      <c r="C152" s="80"/>
      <c r="D152" t="s">
        <v>489</v>
      </c>
      <c r="E152">
        <v>670</v>
      </c>
      <c r="G152" s="78" t="s">
        <v>101</v>
      </c>
      <c r="H152" s="79">
        <v>73</v>
      </c>
      <c r="I152" s="90" t="s">
        <v>693</v>
      </c>
      <c r="J152" s="90">
        <v>702</v>
      </c>
      <c r="K152" s="82">
        <v>7</v>
      </c>
      <c r="L152">
        <v>73</v>
      </c>
      <c r="M152">
        <v>702</v>
      </c>
      <c r="N152">
        <v>6</v>
      </c>
      <c r="O152" t="s">
        <v>204</v>
      </c>
      <c r="P152">
        <v>28</v>
      </c>
      <c r="Q152">
        <v>25</v>
      </c>
      <c r="R152">
        <v>36</v>
      </c>
      <c r="S152">
        <v>0</v>
      </c>
      <c r="T152">
        <v>0</v>
      </c>
      <c r="U152">
        <v>0</v>
      </c>
      <c r="V152">
        <v>0</v>
      </c>
      <c r="W152">
        <v>0</v>
      </c>
      <c r="X152" t="s">
        <v>269</v>
      </c>
      <c r="Y152" t="s">
        <v>269</v>
      </c>
      <c r="Z152" t="s">
        <v>690</v>
      </c>
      <c r="AA152">
        <v>0</v>
      </c>
      <c r="AB152">
        <v>0</v>
      </c>
      <c r="AC152">
        <v>0</v>
      </c>
      <c r="AD152">
        <v>0</v>
      </c>
      <c r="AE152">
        <v>0</v>
      </c>
      <c r="AF152" t="s">
        <v>691</v>
      </c>
      <c r="AG152" t="s">
        <v>691</v>
      </c>
      <c r="AH152" t="s">
        <v>691</v>
      </c>
      <c r="AI152">
        <v>0</v>
      </c>
      <c r="AJ152">
        <v>0</v>
      </c>
      <c r="AK152">
        <v>0</v>
      </c>
      <c r="AL152">
        <v>0</v>
      </c>
      <c r="AM152">
        <v>0</v>
      </c>
      <c r="AN152" s="37">
        <v>35400</v>
      </c>
      <c r="AO152" s="37">
        <v>31600</v>
      </c>
      <c r="AP152" s="37">
        <v>6065</v>
      </c>
      <c r="AQ152" s="37">
        <v>0</v>
      </c>
      <c r="AR152" s="37">
        <v>0</v>
      </c>
      <c r="AS152" s="37">
        <v>0</v>
      </c>
      <c r="AT152" s="37">
        <v>0</v>
      </c>
      <c r="AU152" s="37">
        <v>0</v>
      </c>
      <c r="AV152" t="s">
        <v>686</v>
      </c>
      <c r="AW152" t="s">
        <v>686</v>
      </c>
      <c r="AX152" t="s">
        <v>686</v>
      </c>
      <c r="AY152">
        <v>0</v>
      </c>
      <c r="AZ152">
        <v>0</v>
      </c>
      <c r="BA152">
        <v>0</v>
      </c>
      <c r="BB152">
        <v>0</v>
      </c>
      <c r="BC152">
        <v>0</v>
      </c>
      <c r="BD152" s="37">
        <v>0</v>
      </c>
      <c r="BE152" s="37">
        <v>0</v>
      </c>
      <c r="BF152" s="37">
        <v>6065</v>
      </c>
      <c r="BG152" s="37">
        <v>0</v>
      </c>
      <c r="BH152" s="37">
        <v>0</v>
      </c>
      <c r="BI152" s="37">
        <v>0</v>
      </c>
      <c r="BJ152" s="37">
        <v>0</v>
      </c>
      <c r="BK152" s="37">
        <v>0</v>
      </c>
      <c r="BL152">
        <v>6</v>
      </c>
      <c r="BM152" s="37">
        <v>73065</v>
      </c>
      <c r="BN152" s="83">
        <v>6065</v>
      </c>
    </row>
    <row r="153" spans="1:66" x14ac:dyDescent="0.3">
      <c r="A153" s="78" t="s">
        <v>167</v>
      </c>
      <c r="B153" s="79">
        <v>74</v>
      </c>
      <c r="C153" s="80"/>
      <c r="D153" t="s">
        <v>495</v>
      </c>
      <c r="E153">
        <v>673</v>
      </c>
      <c r="G153" s="78" t="s">
        <v>167</v>
      </c>
      <c r="H153" s="79">
        <v>74</v>
      </c>
      <c r="I153" s="81" t="s">
        <v>694</v>
      </c>
      <c r="J153" s="81">
        <v>685</v>
      </c>
      <c r="K153" s="82">
        <v>10</v>
      </c>
      <c r="AN153" s="37"/>
      <c r="AO153" s="37"/>
      <c r="AP153" s="37"/>
      <c r="AQ153" s="37"/>
      <c r="AR153" s="37"/>
      <c r="AS153" s="37"/>
      <c r="AT153" s="37"/>
      <c r="AU153" s="37"/>
      <c r="BD153" s="37"/>
      <c r="BE153" s="37"/>
      <c r="BF153" s="37"/>
      <c r="BG153" s="37"/>
      <c r="BH153" s="37"/>
      <c r="BI153" s="37"/>
      <c r="BJ153" s="37"/>
      <c r="BK153" s="37"/>
      <c r="BM153" s="37"/>
      <c r="BN153" s="83"/>
    </row>
    <row r="154" spans="1:66" x14ac:dyDescent="0.3">
      <c r="A154" s="78" t="s">
        <v>167</v>
      </c>
      <c r="B154" s="79">
        <v>74</v>
      </c>
      <c r="C154" s="80"/>
      <c r="D154" t="s">
        <v>695</v>
      </c>
      <c r="E154">
        <v>676</v>
      </c>
      <c r="G154" s="78" t="s">
        <v>167</v>
      </c>
      <c r="H154" s="79">
        <v>74</v>
      </c>
      <c r="I154" s="81" t="s">
        <v>696</v>
      </c>
      <c r="J154" s="81">
        <v>686</v>
      </c>
      <c r="K154" s="82">
        <v>20</v>
      </c>
      <c r="L154" s="11">
        <v>74</v>
      </c>
      <c r="M154" s="11">
        <v>686</v>
      </c>
      <c r="N154" s="11">
        <v>25</v>
      </c>
      <c r="O154" s="11" t="s">
        <v>259</v>
      </c>
      <c r="P154" s="11">
        <v>15.9</v>
      </c>
      <c r="Q154" s="11">
        <v>5.6</v>
      </c>
      <c r="R154" s="11">
        <v>0</v>
      </c>
      <c r="S154" s="11">
        <v>0</v>
      </c>
      <c r="T154" s="11">
        <v>0</v>
      </c>
      <c r="U154" s="11">
        <v>0</v>
      </c>
      <c r="V154" s="11">
        <v>0</v>
      </c>
      <c r="W154" s="11">
        <v>0</v>
      </c>
      <c r="X154" s="11" t="s">
        <v>256</v>
      </c>
      <c r="Y154" s="11" t="s">
        <v>256</v>
      </c>
      <c r="Z154" s="11">
        <v>0</v>
      </c>
      <c r="AA154" s="11">
        <v>0</v>
      </c>
      <c r="AB154" s="11">
        <v>0</v>
      </c>
      <c r="AC154" s="11">
        <v>0</v>
      </c>
      <c r="AD154" s="11">
        <v>0</v>
      </c>
      <c r="AE154" s="11">
        <v>0</v>
      </c>
      <c r="AF154" s="11" t="s">
        <v>697</v>
      </c>
      <c r="AG154" s="11" t="s">
        <v>698</v>
      </c>
      <c r="AH154" s="11">
        <v>0</v>
      </c>
      <c r="AI154" s="11">
        <v>0</v>
      </c>
      <c r="AJ154" s="11">
        <v>0</v>
      </c>
      <c r="AK154" s="11">
        <v>0</v>
      </c>
      <c r="AL154" s="11">
        <v>0</v>
      </c>
      <c r="AM154" s="11">
        <v>0</v>
      </c>
      <c r="AN154" s="83">
        <v>18620</v>
      </c>
      <c r="AO154" s="83">
        <v>9412</v>
      </c>
      <c r="AP154" s="83">
        <v>0</v>
      </c>
      <c r="AQ154" s="83">
        <v>0</v>
      </c>
      <c r="AR154" s="83">
        <v>0</v>
      </c>
      <c r="AS154" s="83">
        <v>0</v>
      </c>
      <c r="AT154" s="83">
        <v>0</v>
      </c>
      <c r="AU154" s="83">
        <v>0</v>
      </c>
      <c r="AV154" s="11">
        <v>0</v>
      </c>
      <c r="AW154" s="11">
        <v>0</v>
      </c>
      <c r="AX154" s="11">
        <v>0</v>
      </c>
      <c r="AY154" s="11">
        <v>0</v>
      </c>
      <c r="AZ154" s="11">
        <v>0</v>
      </c>
      <c r="BA154" s="11">
        <v>0</v>
      </c>
      <c r="BB154" s="11">
        <v>0</v>
      </c>
      <c r="BC154" s="11">
        <v>0</v>
      </c>
      <c r="BD154" s="83">
        <v>0</v>
      </c>
      <c r="BE154" s="83">
        <v>0</v>
      </c>
      <c r="BF154" s="83">
        <v>0</v>
      </c>
      <c r="BG154" s="83">
        <v>0</v>
      </c>
      <c r="BH154" s="83">
        <v>0</v>
      </c>
      <c r="BI154" s="83">
        <v>0</v>
      </c>
      <c r="BJ154" s="83">
        <v>0</v>
      </c>
      <c r="BK154" s="83">
        <v>0</v>
      </c>
      <c r="BL154" s="11">
        <v>23</v>
      </c>
      <c r="BM154" s="83">
        <v>28032</v>
      </c>
      <c r="BN154" s="83">
        <v>0</v>
      </c>
    </row>
    <row r="155" spans="1:66" x14ac:dyDescent="0.3">
      <c r="A155" s="78" t="s">
        <v>167</v>
      </c>
      <c r="B155" s="79">
        <v>74</v>
      </c>
      <c r="C155" s="80"/>
      <c r="D155" t="s">
        <v>699</v>
      </c>
      <c r="E155">
        <v>680</v>
      </c>
      <c r="G155" s="78" t="s">
        <v>167</v>
      </c>
      <c r="H155" s="79">
        <v>74</v>
      </c>
      <c r="I155" s="81" t="s">
        <v>700</v>
      </c>
      <c r="J155" s="81">
        <v>700</v>
      </c>
      <c r="K155" s="82">
        <v>6</v>
      </c>
      <c r="AN155" s="37"/>
      <c r="AO155" s="37"/>
      <c r="AP155" s="37"/>
      <c r="AQ155" s="37"/>
      <c r="AR155" s="37"/>
      <c r="AS155" s="37"/>
      <c r="AT155" s="37"/>
      <c r="AU155" s="37"/>
      <c r="BD155" s="37"/>
      <c r="BE155" s="37"/>
      <c r="BF155" s="37"/>
      <c r="BG155" s="37"/>
      <c r="BH155" s="37"/>
      <c r="BI155" s="37"/>
      <c r="BJ155" s="37"/>
      <c r="BK155" s="37"/>
      <c r="BM155" s="37"/>
      <c r="BN155" s="83"/>
    </row>
    <row r="156" spans="1:66" x14ac:dyDescent="0.3">
      <c r="A156" s="78" t="s">
        <v>167</v>
      </c>
      <c r="B156" s="79">
        <v>74</v>
      </c>
      <c r="C156" s="80"/>
      <c r="D156" t="s">
        <v>701</v>
      </c>
      <c r="E156">
        <v>681</v>
      </c>
      <c r="G156" s="78" t="s">
        <v>167</v>
      </c>
      <c r="H156" s="79">
        <v>74</v>
      </c>
      <c r="I156" s="81" t="s">
        <v>471</v>
      </c>
      <c r="J156" s="81">
        <v>590</v>
      </c>
      <c r="K156" s="82">
        <v>26</v>
      </c>
    </row>
    <row r="157" spans="1:66" x14ac:dyDescent="0.3">
      <c r="A157" s="78" t="s">
        <v>167</v>
      </c>
      <c r="B157" s="79">
        <v>74</v>
      </c>
      <c r="C157" s="80"/>
      <c r="D157" t="s">
        <v>701</v>
      </c>
      <c r="E157">
        <v>681</v>
      </c>
      <c r="G157" s="78" t="s">
        <v>167</v>
      </c>
      <c r="H157" s="79">
        <v>74</v>
      </c>
      <c r="I157" s="81" t="s">
        <v>474</v>
      </c>
      <c r="J157" s="81">
        <v>591</v>
      </c>
      <c r="K157" s="82">
        <v>17</v>
      </c>
    </row>
    <row r="158" spans="1:66" x14ac:dyDescent="0.3">
      <c r="A158" s="78" t="s">
        <v>167</v>
      </c>
      <c r="B158" s="79">
        <v>74</v>
      </c>
      <c r="C158" s="80"/>
      <c r="D158" t="s">
        <v>513</v>
      </c>
      <c r="E158">
        <v>682</v>
      </c>
      <c r="G158" s="78" t="s">
        <v>167</v>
      </c>
      <c r="H158" s="79">
        <v>74</v>
      </c>
      <c r="I158" s="81" t="s">
        <v>702</v>
      </c>
      <c r="J158" s="81">
        <v>694</v>
      </c>
      <c r="K158" s="82">
        <v>13</v>
      </c>
    </row>
    <row r="159" spans="1:66" x14ac:dyDescent="0.3">
      <c r="A159" s="78" t="s">
        <v>167</v>
      </c>
      <c r="B159" s="79">
        <v>74</v>
      </c>
      <c r="C159" s="80"/>
      <c r="D159" t="s">
        <v>513</v>
      </c>
      <c r="E159">
        <v>682</v>
      </c>
      <c r="G159" s="78" t="s">
        <v>167</v>
      </c>
      <c r="H159" s="79">
        <v>74</v>
      </c>
      <c r="I159" s="81" t="s">
        <v>703</v>
      </c>
      <c r="J159" s="81">
        <v>704</v>
      </c>
      <c r="K159" s="82">
        <v>9</v>
      </c>
      <c r="L159" s="86">
        <v>74</v>
      </c>
      <c r="M159" s="11">
        <v>704</v>
      </c>
      <c r="N159" s="11">
        <v>9</v>
      </c>
      <c r="O159" s="11" t="s">
        <v>259</v>
      </c>
      <c r="P159" s="11">
        <v>17.3</v>
      </c>
      <c r="Q159" s="11">
        <v>0</v>
      </c>
      <c r="R159" s="11">
        <v>0</v>
      </c>
      <c r="S159" s="11">
        <v>0</v>
      </c>
      <c r="T159" s="11">
        <v>0</v>
      </c>
      <c r="U159" s="11">
        <v>0</v>
      </c>
      <c r="V159" s="11">
        <v>0</v>
      </c>
      <c r="W159" s="11">
        <v>0</v>
      </c>
      <c r="X159" s="11" t="s">
        <v>256</v>
      </c>
      <c r="Y159" s="11">
        <v>0</v>
      </c>
      <c r="Z159" s="11">
        <v>0</v>
      </c>
      <c r="AA159" s="11">
        <v>0</v>
      </c>
      <c r="AB159" s="11">
        <v>0</v>
      </c>
      <c r="AC159" s="11">
        <v>0</v>
      </c>
      <c r="AD159" s="11">
        <v>0</v>
      </c>
      <c r="AE159" s="11">
        <v>0</v>
      </c>
      <c r="AF159" s="11" t="s">
        <v>704</v>
      </c>
      <c r="AG159" s="11">
        <v>0</v>
      </c>
      <c r="AH159" s="11">
        <v>0</v>
      </c>
      <c r="AI159" s="11">
        <v>0</v>
      </c>
      <c r="AJ159" s="11">
        <v>0</v>
      </c>
      <c r="AK159" s="11">
        <v>0</v>
      </c>
      <c r="AL159" s="11">
        <v>0</v>
      </c>
      <c r="AM159" s="11">
        <v>0</v>
      </c>
      <c r="AN159" s="83">
        <v>15355</v>
      </c>
      <c r="AO159" s="83">
        <v>0</v>
      </c>
      <c r="AP159" s="83">
        <v>0</v>
      </c>
      <c r="AQ159" s="83">
        <v>0</v>
      </c>
      <c r="AR159" s="83">
        <v>0</v>
      </c>
      <c r="AS159" s="83">
        <v>0</v>
      </c>
      <c r="AT159" s="83">
        <v>0</v>
      </c>
      <c r="AU159" s="83">
        <v>0</v>
      </c>
      <c r="AV159" s="11">
        <v>0</v>
      </c>
      <c r="AW159" s="11">
        <v>0</v>
      </c>
      <c r="AX159" s="11">
        <v>0</v>
      </c>
      <c r="AY159" s="11">
        <v>0</v>
      </c>
      <c r="AZ159" s="11">
        <v>0</v>
      </c>
      <c r="BA159" s="11">
        <v>0</v>
      </c>
      <c r="BB159" s="11">
        <v>0</v>
      </c>
      <c r="BC159" s="11">
        <v>0</v>
      </c>
      <c r="BD159" s="83">
        <v>0</v>
      </c>
      <c r="BE159" s="83">
        <v>0</v>
      </c>
      <c r="BF159" s="83">
        <v>0</v>
      </c>
      <c r="BG159" s="83">
        <v>0</v>
      </c>
      <c r="BH159" s="83">
        <v>0</v>
      </c>
      <c r="BI159" s="83">
        <v>0</v>
      </c>
      <c r="BJ159" s="83">
        <v>0</v>
      </c>
      <c r="BK159" s="83">
        <v>0</v>
      </c>
      <c r="BL159" s="11">
        <v>9</v>
      </c>
      <c r="BM159" s="83">
        <v>15355</v>
      </c>
      <c r="BN159" s="83">
        <v>0</v>
      </c>
    </row>
    <row r="160" spans="1:66" x14ac:dyDescent="0.3">
      <c r="A160" s="78" t="s">
        <v>167</v>
      </c>
      <c r="B160" s="79">
        <v>74</v>
      </c>
      <c r="C160" s="80"/>
      <c r="D160" t="s">
        <v>513</v>
      </c>
      <c r="E160">
        <v>682</v>
      </c>
      <c r="G160" s="78" t="s">
        <v>167</v>
      </c>
      <c r="H160" s="79">
        <v>74</v>
      </c>
      <c r="I160" s="81" t="s">
        <v>705</v>
      </c>
      <c r="J160" s="81">
        <v>705</v>
      </c>
      <c r="K160" s="82">
        <v>47</v>
      </c>
      <c r="L160" s="11">
        <v>74</v>
      </c>
      <c r="M160" s="11">
        <v>705</v>
      </c>
      <c r="N160" s="11">
        <v>53</v>
      </c>
      <c r="O160" s="11" t="s">
        <v>259</v>
      </c>
      <c r="P160" s="11">
        <v>64.400000000000006</v>
      </c>
      <c r="Q160" s="11">
        <v>1.9</v>
      </c>
      <c r="R160" s="11">
        <v>79.3</v>
      </c>
      <c r="S160" s="11">
        <v>0</v>
      </c>
      <c r="T160" s="11">
        <v>0</v>
      </c>
      <c r="U160" s="11">
        <v>0</v>
      </c>
      <c r="V160" s="11">
        <v>0</v>
      </c>
      <c r="W160" s="11">
        <v>0</v>
      </c>
      <c r="X160" s="11" t="s">
        <v>256</v>
      </c>
      <c r="Y160" s="11" t="s">
        <v>706</v>
      </c>
      <c r="Z160" s="11" t="s">
        <v>256</v>
      </c>
      <c r="AA160" s="11">
        <v>0</v>
      </c>
      <c r="AB160" s="11">
        <v>0</v>
      </c>
      <c r="AC160" s="11">
        <v>0</v>
      </c>
      <c r="AD160" s="11">
        <v>0</v>
      </c>
      <c r="AE160" s="11">
        <v>0</v>
      </c>
      <c r="AF160" s="11" t="s">
        <v>707</v>
      </c>
      <c r="AG160" s="11" t="s">
        <v>708</v>
      </c>
      <c r="AH160" s="11" t="s">
        <v>707</v>
      </c>
      <c r="AI160" s="11">
        <v>0</v>
      </c>
      <c r="AJ160" s="11">
        <v>0</v>
      </c>
      <c r="AK160" s="11">
        <v>0</v>
      </c>
      <c r="AL160" s="11">
        <v>0</v>
      </c>
      <c r="AM160" s="11">
        <v>0</v>
      </c>
      <c r="AN160" s="83">
        <v>5714</v>
      </c>
      <c r="AO160" s="83">
        <v>108201</v>
      </c>
      <c r="AP160" s="83">
        <v>8569</v>
      </c>
      <c r="AQ160" s="83">
        <v>0</v>
      </c>
      <c r="AR160" s="83">
        <v>0</v>
      </c>
      <c r="AS160" s="83">
        <v>0</v>
      </c>
      <c r="AT160" s="83">
        <v>0</v>
      </c>
      <c r="AU160" s="83">
        <v>0</v>
      </c>
      <c r="AV160" s="11">
        <v>0</v>
      </c>
      <c r="AW160" s="11">
        <v>0</v>
      </c>
      <c r="AX160" s="11">
        <v>0</v>
      </c>
      <c r="AY160" s="11">
        <v>0</v>
      </c>
      <c r="AZ160" s="11">
        <v>0</v>
      </c>
      <c r="BA160" s="11">
        <v>0</v>
      </c>
      <c r="BB160" s="11">
        <v>0</v>
      </c>
      <c r="BC160" s="11">
        <v>0</v>
      </c>
      <c r="BD160" s="83">
        <v>0</v>
      </c>
      <c r="BE160" s="83">
        <v>0</v>
      </c>
      <c r="BF160" s="83">
        <v>0</v>
      </c>
      <c r="BG160" s="83">
        <v>0</v>
      </c>
      <c r="BH160" s="83">
        <v>0</v>
      </c>
      <c r="BI160" s="83">
        <v>0</v>
      </c>
      <c r="BJ160" s="83">
        <v>0</v>
      </c>
      <c r="BK160" s="83">
        <v>0</v>
      </c>
      <c r="BL160" s="11">
        <v>53</v>
      </c>
      <c r="BM160" s="83">
        <v>122484</v>
      </c>
      <c r="BN160" s="83">
        <v>0</v>
      </c>
    </row>
    <row r="161" spans="1:66" x14ac:dyDescent="0.3">
      <c r="A161" s="78" t="s">
        <v>167</v>
      </c>
      <c r="B161" s="79">
        <v>74</v>
      </c>
      <c r="C161" s="80"/>
      <c r="D161" t="s">
        <v>511</v>
      </c>
      <c r="E161">
        <v>683</v>
      </c>
      <c r="G161" s="78" t="s">
        <v>167</v>
      </c>
      <c r="H161" s="79">
        <v>74</v>
      </c>
      <c r="I161" s="81" t="s">
        <v>709</v>
      </c>
      <c r="J161" s="81">
        <v>696</v>
      </c>
      <c r="K161" s="82">
        <v>20</v>
      </c>
      <c r="L161" s="11">
        <v>74</v>
      </c>
      <c r="M161" s="11">
        <v>696</v>
      </c>
      <c r="N161" s="11">
        <v>21</v>
      </c>
      <c r="O161" s="11" t="s">
        <v>259</v>
      </c>
      <c r="P161" s="11">
        <v>64.5</v>
      </c>
      <c r="Q161" s="11">
        <v>18.5</v>
      </c>
      <c r="R161" s="11">
        <v>0</v>
      </c>
      <c r="S161" s="11">
        <v>0</v>
      </c>
      <c r="T161" s="11">
        <v>0</v>
      </c>
      <c r="U161" s="11">
        <v>0</v>
      </c>
      <c r="V161" s="11">
        <v>0</v>
      </c>
      <c r="W161" s="11">
        <v>0</v>
      </c>
      <c r="X161" s="11" t="s">
        <v>256</v>
      </c>
      <c r="Y161" s="11" t="s">
        <v>256</v>
      </c>
      <c r="Z161" s="11">
        <v>0</v>
      </c>
      <c r="AA161" s="11">
        <v>0</v>
      </c>
      <c r="AB161" s="11">
        <v>0</v>
      </c>
      <c r="AC161" s="11">
        <v>0</v>
      </c>
      <c r="AD161" s="11">
        <v>0</v>
      </c>
      <c r="AE161" s="11">
        <v>0</v>
      </c>
      <c r="AF161" s="11" t="s">
        <v>710</v>
      </c>
      <c r="AG161" s="11" t="s">
        <v>711</v>
      </c>
      <c r="AH161" s="11">
        <v>0</v>
      </c>
      <c r="AI161" s="11">
        <v>0</v>
      </c>
      <c r="AJ161" s="11">
        <v>0</v>
      </c>
      <c r="AK161" s="11">
        <v>0</v>
      </c>
      <c r="AL161" s="11">
        <v>0</v>
      </c>
      <c r="AM161" s="11">
        <v>0</v>
      </c>
      <c r="AN161" s="83">
        <v>11812</v>
      </c>
      <c r="AO161" s="83">
        <v>28657</v>
      </c>
      <c r="AP161" s="83">
        <v>0</v>
      </c>
      <c r="AQ161" s="83">
        <v>0</v>
      </c>
      <c r="AR161" s="83">
        <v>0</v>
      </c>
      <c r="AS161" s="83">
        <v>0</v>
      </c>
      <c r="AT161" s="83">
        <v>0</v>
      </c>
      <c r="AU161" s="83">
        <v>0</v>
      </c>
      <c r="AV161" s="11">
        <v>0</v>
      </c>
      <c r="AW161" s="11">
        <v>0</v>
      </c>
      <c r="AX161" s="11">
        <v>0</v>
      </c>
      <c r="AY161" s="11">
        <v>0</v>
      </c>
      <c r="AZ161" s="11">
        <v>0</v>
      </c>
      <c r="BA161" s="11">
        <v>0</v>
      </c>
      <c r="BB161" s="11">
        <v>0</v>
      </c>
      <c r="BC161" s="11">
        <v>0</v>
      </c>
      <c r="BD161" s="83">
        <v>0</v>
      </c>
      <c r="BE161" s="83">
        <v>0</v>
      </c>
      <c r="BF161" s="83">
        <v>0</v>
      </c>
      <c r="BG161" s="83">
        <v>0</v>
      </c>
      <c r="BH161" s="83">
        <v>0</v>
      </c>
      <c r="BI161" s="83">
        <v>0</v>
      </c>
      <c r="BJ161" s="83">
        <v>0</v>
      </c>
      <c r="BK161" s="83">
        <v>0</v>
      </c>
      <c r="BL161" s="11">
        <v>21</v>
      </c>
      <c r="BM161" s="83">
        <v>40469</v>
      </c>
      <c r="BN161" s="83">
        <v>0</v>
      </c>
    </row>
    <row r="162" spans="1:66" x14ac:dyDescent="0.3">
      <c r="A162" s="78" t="s">
        <v>167</v>
      </c>
      <c r="B162" s="79">
        <v>74</v>
      </c>
      <c r="C162" s="80"/>
      <c r="D162" t="s">
        <v>511</v>
      </c>
      <c r="E162">
        <v>683</v>
      </c>
      <c r="G162" s="78" t="s">
        <v>167</v>
      </c>
      <c r="H162" s="79">
        <v>74</v>
      </c>
      <c r="I162" s="81" t="s">
        <v>712</v>
      </c>
      <c r="J162" s="81">
        <v>692</v>
      </c>
      <c r="K162" s="82">
        <v>6</v>
      </c>
    </row>
    <row r="163" spans="1:66" x14ac:dyDescent="0.3">
      <c r="A163" s="78"/>
      <c r="B163" s="79">
        <v>74</v>
      </c>
      <c r="C163" s="80"/>
      <c r="D163" t="s">
        <v>678</v>
      </c>
      <c r="E163">
        <v>684</v>
      </c>
      <c r="G163" s="78" t="s">
        <v>167</v>
      </c>
      <c r="H163" s="79">
        <v>74</v>
      </c>
      <c r="I163" s="81" t="s">
        <v>713</v>
      </c>
      <c r="J163" s="81">
        <v>706</v>
      </c>
      <c r="K163" s="82">
        <v>11</v>
      </c>
      <c r="L163" s="11"/>
      <c r="M163" s="11"/>
      <c r="N163" s="11"/>
      <c r="O163" s="11"/>
      <c r="P163" s="11"/>
      <c r="Q163" s="11"/>
      <c r="R163" s="11"/>
      <c r="S163" s="11"/>
      <c r="T163" s="11"/>
      <c r="U163" s="11"/>
      <c r="V163" s="11"/>
      <c r="W163" s="11"/>
      <c r="X163" s="11"/>
      <c r="Y163" s="11"/>
      <c r="Z163" s="11"/>
      <c r="AA163" s="11"/>
      <c r="AB163" s="11"/>
      <c r="AC163" s="11"/>
      <c r="AD163" s="11"/>
      <c r="AE163" s="11"/>
      <c r="AF163" s="11"/>
      <c r="AG163" s="11"/>
      <c r="AH163" s="11"/>
      <c r="AI163" s="11"/>
      <c r="AJ163" s="11"/>
      <c r="AK163" s="11"/>
      <c r="AL163" s="11"/>
      <c r="AM163" s="11"/>
      <c r="AN163" s="83"/>
      <c r="AO163" s="83"/>
      <c r="AP163" s="83"/>
      <c r="AQ163" s="83"/>
      <c r="AR163" s="83"/>
      <c r="AS163" s="83"/>
      <c r="AT163" s="83"/>
      <c r="AU163" s="83"/>
      <c r="AV163" s="11"/>
      <c r="AW163" s="11"/>
      <c r="AX163" s="11"/>
      <c r="AY163" s="11"/>
      <c r="AZ163" s="11"/>
      <c r="BA163" s="11"/>
      <c r="BB163" s="11"/>
      <c r="BC163" s="11"/>
      <c r="BD163" s="83"/>
      <c r="BE163" s="83"/>
      <c r="BF163" s="83"/>
      <c r="BG163" s="83"/>
      <c r="BH163" s="83"/>
      <c r="BI163" s="83"/>
      <c r="BJ163" s="83"/>
      <c r="BK163" s="83"/>
      <c r="BL163" s="11"/>
      <c r="BM163" s="83"/>
      <c r="BN163" s="83"/>
    </row>
    <row r="164" spans="1:66" x14ac:dyDescent="0.3">
      <c r="A164" s="78" t="s">
        <v>167</v>
      </c>
      <c r="B164" s="79">
        <v>74</v>
      </c>
      <c r="C164" s="80"/>
      <c r="D164" t="s">
        <v>678</v>
      </c>
      <c r="E164">
        <v>684</v>
      </c>
      <c r="G164" s="78" t="s">
        <v>167</v>
      </c>
      <c r="H164" s="79">
        <v>74</v>
      </c>
      <c r="I164" s="81" t="s">
        <v>479</v>
      </c>
      <c r="J164" s="81">
        <v>593</v>
      </c>
      <c r="K164" s="82">
        <v>59</v>
      </c>
      <c r="L164" s="11">
        <v>74</v>
      </c>
      <c r="M164" s="11">
        <v>593</v>
      </c>
      <c r="N164" s="11">
        <v>56</v>
      </c>
      <c r="O164" s="11" t="s">
        <v>259</v>
      </c>
      <c r="P164" s="11">
        <v>2.9</v>
      </c>
      <c r="Q164" s="11">
        <v>5.3</v>
      </c>
      <c r="R164" s="11">
        <v>3.8</v>
      </c>
      <c r="S164" s="11">
        <v>0</v>
      </c>
      <c r="T164" s="11">
        <v>0</v>
      </c>
      <c r="U164" s="11">
        <v>0</v>
      </c>
      <c r="V164" s="11">
        <v>0</v>
      </c>
      <c r="W164" s="11">
        <v>0</v>
      </c>
      <c r="X164" s="11" t="s">
        <v>256</v>
      </c>
      <c r="Y164" s="11" t="s">
        <v>256</v>
      </c>
      <c r="Z164" s="11" t="s">
        <v>256</v>
      </c>
      <c r="AA164" s="11">
        <v>0</v>
      </c>
      <c r="AB164" s="11">
        <v>0</v>
      </c>
      <c r="AC164" s="11">
        <v>0</v>
      </c>
      <c r="AD164" s="11">
        <v>0</v>
      </c>
      <c r="AE164" s="11">
        <v>0</v>
      </c>
      <c r="AF164" s="11" t="s">
        <v>714</v>
      </c>
      <c r="AG164" s="11" t="s">
        <v>715</v>
      </c>
      <c r="AH164" s="11" t="s">
        <v>716</v>
      </c>
      <c r="AI164" s="11">
        <v>0</v>
      </c>
      <c r="AJ164" s="11">
        <v>0</v>
      </c>
      <c r="AK164" s="11">
        <v>0</v>
      </c>
      <c r="AL164" s="11">
        <v>0</v>
      </c>
      <c r="AM164" s="11">
        <v>0</v>
      </c>
      <c r="AN164" s="83">
        <v>14109</v>
      </c>
      <c r="AO164" s="83">
        <v>18075</v>
      </c>
      <c r="AP164" s="83">
        <v>13998</v>
      </c>
      <c r="AQ164" s="83">
        <v>0</v>
      </c>
      <c r="AR164" s="83">
        <v>0</v>
      </c>
      <c r="AS164" s="83">
        <v>0</v>
      </c>
      <c r="AT164" s="83">
        <v>0</v>
      </c>
      <c r="AU164" s="83">
        <v>0</v>
      </c>
      <c r="AV164" s="11">
        <v>0</v>
      </c>
      <c r="AW164" s="11">
        <v>0</v>
      </c>
      <c r="AX164" s="11">
        <v>0</v>
      </c>
      <c r="AY164" s="11">
        <v>0</v>
      </c>
      <c r="AZ164" s="11">
        <v>0</v>
      </c>
      <c r="BA164" s="11">
        <v>0</v>
      </c>
      <c r="BB164" s="11">
        <v>0</v>
      </c>
      <c r="BC164" s="11">
        <v>0</v>
      </c>
      <c r="BD164" s="83">
        <v>0</v>
      </c>
      <c r="BE164" s="83">
        <v>0</v>
      </c>
      <c r="BF164" s="83">
        <v>0</v>
      </c>
      <c r="BG164" s="83">
        <v>0</v>
      </c>
      <c r="BH164" s="83">
        <v>0</v>
      </c>
      <c r="BI164" s="83">
        <v>0</v>
      </c>
      <c r="BJ164" s="83">
        <v>0</v>
      </c>
      <c r="BK164" s="83">
        <v>0</v>
      </c>
      <c r="BL164" s="11">
        <v>56</v>
      </c>
      <c r="BM164" s="83">
        <v>46182</v>
      </c>
      <c r="BN164" s="83">
        <v>0</v>
      </c>
    </row>
    <row r="165" spans="1:66" x14ac:dyDescent="0.3">
      <c r="A165" s="78" t="s">
        <v>167</v>
      </c>
      <c r="B165" s="79">
        <v>74</v>
      </c>
      <c r="C165" s="80"/>
      <c r="D165" t="s">
        <v>694</v>
      </c>
      <c r="E165">
        <v>685</v>
      </c>
      <c r="G165" s="78" t="s">
        <v>167</v>
      </c>
      <c r="H165" s="79">
        <v>74</v>
      </c>
      <c r="I165" s="81" t="s">
        <v>481</v>
      </c>
      <c r="J165" s="81">
        <v>595</v>
      </c>
      <c r="K165" s="82">
        <v>20</v>
      </c>
      <c r="L165" s="11"/>
      <c r="M165" s="11"/>
      <c r="N165" s="11"/>
      <c r="O165" s="11"/>
      <c r="P165" s="11"/>
      <c r="Q165" s="11"/>
      <c r="R165" s="11"/>
      <c r="S165" s="11"/>
      <c r="T165" s="11"/>
      <c r="U165" s="11"/>
      <c r="V165" s="11"/>
      <c r="W165" s="11"/>
      <c r="X165" s="11"/>
      <c r="Y165" s="11"/>
      <c r="Z165" s="11"/>
      <c r="AA165" s="11"/>
      <c r="AB165" s="11"/>
      <c r="AC165" s="11"/>
      <c r="AD165" s="11"/>
      <c r="AE165" s="11"/>
      <c r="AF165" s="11"/>
      <c r="AG165" s="11"/>
      <c r="AH165" s="11"/>
      <c r="AI165" s="11"/>
      <c r="AJ165" s="11"/>
      <c r="AK165" s="11"/>
      <c r="AL165" s="11"/>
      <c r="AM165" s="11"/>
      <c r="AN165" s="83"/>
      <c r="AO165" s="83"/>
      <c r="AP165" s="83"/>
      <c r="AQ165" s="83"/>
      <c r="AR165" s="83"/>
      <c r="AS165" s="83"/>
      <c r="AT165" s="83"/>
      <c r="AU165" s="83"/>
      <c r="AV165" s="11"/>
      <c r="AW165" s="11"/>
      <c r="AX165" s="11"/>
      <c r="AY165" s="11"/>
      <c r="AZ165" s="11"/>
      <c r="BA165" s="11"/>
      <c r="BB165" s="11"/>
      <c r="BC165" s="11"/>
      <c r="BD165" s="83"/>
      <c r="BE165" s="83"/>
      <c r="BF165" s="83"/>
      <c r="BG165" s="83"/>
      <c r="BH165" s="83"/>
      <c r="BI165" s="83"/>
      <c r="BJ165" s="83"/>
      <c r="BK165" s="83"/>
      <c r="BL165" s="11"/>
      <c r="BM165" s="83"/>
      <c r="BN165" s="83"/>
    </row>
    <row r="166" spans="1:66" x14ac:dyDescent="0.3">
      <c r="A166" s="78" t="s">
        <v>167</v>
      </c>
      <c r="B166" s="79">
        <v>74</v>
      </c>
      <c r="C166" s="80"/>
      <c r="D166" t="s">
        <v>696</v>
      </c>
      <c r="E166">
        <v>686</v>
      </c>
      <c r="G166" s="78" t="s">
        <v>167</v>
      </c>
      <c r="H166" s="79">
        <v>74</v>
      </c>
      <c r="I166" s="81" t="s">
        <v>480</v>
      </c>
      <c r="J166" s="81">
        <v>594</v>
      </c>
      <c r="K166" s="82">
        <v>26</v>
      </c>
      <c r="L166" s="11">
        <v>74</v>
      </c>
      <c r="M166" s="11">
        <v>694</v>
      </c>
      <c r="N166" s="11">
        <v>12</v>
      </c>
      <c r="O166" s="11" t="s">
        <v>259</v>
      </c>
      <c r="P166" s="11">
        <v>43.8</v>
      </c>
      <c r="Q166" s="11">
        <v>0</v>
      </c>
      <c r="R166" s="11">
        <v>0</v>
      </c>
      <c r="S166" s="11">
        <v>0</v>
      </c>
      <c r="T166" s="11">
        <v>0</v>
      </c>
      <c r="U166" s="11">
        <v>0</v>
      </c>
      <c r="V166" s="11">
        <v>0</v>
      </c>
      <c r="W166" s="11">
        <v>0</v>
      </c>
      <c r="X166" s="11" t="s">
        <v>256</v>
      </c>
      <c r="Y166" s="11">
        <v>0</v>
      </c>
      <c r="Z166" s="11">
        <v>0</v>
      </c>
      <c r="AA166" s="11">
        <v>0</v>
      </c>
      <c r="AB166" s="11">
        <v>0</v>
      </c>
      <c r="AC166" s="11">
        <v>0</v>
      </c>
      <c r="AD166" s="11">
        <v>0</v>
      </c>
      <c r="AE166" s="11">
        <v>0</v>
      </c>
      <c r="AF166" s="11" t="s">
        <v>717</v>
      </c>
      <c r="AG166" s="11">
        <v>0</v>
      </c>
      <c r="AH166" s="11">
        <v>0</v>
      </c>
      <c r="AI166" s="11">
        <v>0</v>
      </c>
      <c r="AJ166" s="11">
        <v>0</v>
      </c>
      <c r="AK166" s="11">
        <v>0</v>
      </c>
      <c r="AL166" s="11">
        <v>0</v>
      </c>
      <c r="AM166" s="11">
        <v>0</v>
      </c>
      <c r="AN166" s="83">
        <v>23625</v>
      </c>
      <c r="AO166" s="83">
        <v>0</v>
      </c>
      <c r="AP166" s="83">
        <v>0</v>
      </c>
      <c r="AQ166" s="83">
        <v>0</v>
      </c>
      <c r="AR166" s="83">
        <v>0</v>
      </c>
      <c r="AS166" s="83">
        <v>0</v>
      </c>
      <c r="AT166" s="83">
        <v>0</v>
      </c>
      <c r="AU166" s="83">
        <v>0</v>
      </c>
      <c r="AV166" s="11">
        <v>0</v>
      </c>
      <c r="AW166" s="11">
        <v>0</v>
      </c>
      <c r="AX166" s="11">
        <v>0</v>
      </c>
      <c r="AY166" s="11">
        <v>0</v>
      </c>
      <c r="AZ166" s="11">
        <v>0</v>
      </c>
      <c r="BA166" s="11">
        <v>0</v>
      </c>
      <c r="BB166" s="11">
        <v>0</v>
      </c>
      <c r="BC166" s="11">
        <v>0</v>
      </c>
      <c r="BD166" s="83">
        <v>0</v>
      </c>
      <c r="BE166" s="83">
        <v>0</v>
      </c>
      <c r="BF166" s="83">
        <v>0</v>
      </c>
      <c r="BG166" s="83">
        <v>0</v>
      </c>
      <c r="BH166" s="83">
        <v>0</v>
      </c>
      <c r="BI166" s="83">
        <v>0</v>
      </c>
      <c r="BJ166" s="83">
        <v>0</v>
      </c>
      <c r="BK166" s="83">
        <v>0</v>
      </c>
      <c r="BL166" s="11">
        <v>12</v>
      </c>
      <c r="BM166" s="83">
        <v>23625</v>
      </c>
      <c r="BN166" s="83">
        <v>0</v>
      </c>
    </row>
    <row r="167" spans="1:66" x14ac:dyDescent="0.3">
      <c r="A167" s="78" t="s">
        <v>167</v>
      </c>
      <c r="B167" s="79">
        <v>74</v>
      </c>
      <c r="C167" s="80"/>
      <c r="D167" t="s">
        <v>692</v>
      </c>
      <c r="E167">
        <v>687</v>
      </c>
      <c r="G167" s="78" t="s">
        <v>167</v>
      </c>
      <c r="H167" s="79">
        <v>74</v>
      </c>
      <c r="I167" s="81" t="s">
        <v>322</v>
      </c>
      <c r="J167" s="81">
        <v>722</v>
      </c>
      <c r="K167" s="82">
        <v>1</v>
      </c>
      <c r="L167" s="11"/>
      <c r="M167" s="11"/>
      <c r="N167" s="11"/>
      <c r="O167" s="11"/>
      <c r="P167" s="11"/>
      <c r="Q167" s="11"/>
      <c r="R167" s="11"/>
      <c r="S167" s="11"/>
      <c r="T167" s="11"/>
      <c r="U167" s="11"/>
      <c r="V167" s="11"/>
      <c r="W167" s="11"/>
      <c r="X167" s="11"/>
      <c r="Y167" s="11"/>
      <c r="Z167" s="11"/>
      <c r="AA167" s="11"/>
      <c r="AB167" s="11"/>
      <c r="AC167" s="11"/>
      <c r="AD167" s="11"/>
      <c r="AE167" s="11"/>
      <c r="AF167" s="11"/>
      <c r="AG167" s="11"/>
      <c r="AH167" s="11"/>
      <c r="AI167" s="11"/>
      <c r="AJ167" s="11"/>
      <c r="AK167" s="11"/>
      <c r="AL167" s="11"/>
      <c r="AM167" s="11"/>
      <c r="AN167" s="83"/>
      <c r="AO167" s="83"/>
      <c r="AP167" s="83"/>
      <c r="AQ167" s="83"/>
      <c r="AR167" s="83"/>
      <c r="AS167" s="83"/>
      <c r="AT167" s="83"/>
      <c r="AU167" s="83"/>
      <c r="AV167" s="11"/>
      <c r="AW167" s="11"/>
      <c r="AX167" s="11"/>
      <c r="AY167" s="11"/>
      <c r="AZ167" s="11"/>
      <c r="BA167" s="11"/>
      <c r="BB167" s="11"/>
      <c r="BC167" s="11"/>
      <c r="BD167" s="83"/>
      <c r="BE167" s="83"/>
      <c r="BF167" s="83"/>
      <c r="BG167" s="83"/>
      <c r="BH167" s="83"/>
      <c r="BI167" s="83"/>
      <c r="BJ167" s="83"/>
      <c r="BK167" s="83"/>
      <c r="BL167" s="11"/>
      <c r="BM167" s="83"/>
      <c r="BN167" s="83"/>
    </row>
    <row r="168" spans="1:66" x14ac:dyDescent="0.3">
      <c r="A168" s="78" t="s">
        <v>167</v>
      </c>
      <c r="B168" s="79">
        <v>74</v>
      </c>
      <c r="C168" s="80"/>
      <c r="D168" t="s">
        <v>629</v>
      </c>
      <c r="E168">
        <v>688</v>
      </c>
      <c r="G168" s="78" t="s">
        <v>167</v>
      </c>
      <c r="H168" s="79">
        <v>74</v>
      </c>
      <c r="I168" s="81" t="s">
        <v>475</v>
      </c>
      <c r="J168" s="81">
        <v>592</v>
      </c>
      <c r="K168" s="82">
        <v>50</v>
      </c>
      <c r="L168" s="11">
        <v>74</v>
      </c>
      <c r="M168" s="11">
        <v>592</v>
      </c>
      <c r="N168" s="11">
        <v>49</v>
      </c>
      <c r="O168" s="11" t="s">
        <v>259</v>
      </c>
      <c r="P168" s="11">
        <v>29.5</v>
      </c>
      <c r="Q168" s="11">
        <v>32</v>
      </c>
      <c r="R168" s="11">
        <v>30.5</v>
      </c>
      <c r="S168" s="11">
        <v>0</v>
      </c>
      <c r="T168" s="11">
        <v>0</v>
      </c>
      <c r="U168" s="11">
        <v>0</v>
      </c>
      <c r="V168" s="11">
        <v>0</v>
      </c>
      <c r="W168" s="11">
        <v>0</v>
      </c>
      <c r="X168" s="11" t="s">
        <v>256</v>
      </c>
      <c r="Y168" s="11" t="s">
        <v>256</v>
      </c>
      <c r="Z168" s="11" t="s">
        <v>256</v>
      </c>
      <c r="AA168" s="11">
        <v>0</v>
      </c>
      <c r="AB168" s="11">
        <v>0</v>
      </c>
      <c r="AC168" s="11">
        <v>0</v>
      </c>
      <c r="AD168" s="11">
        <v>0</v>
      </c>
      <c r="AE168" s="11">
        <v>0</v>
      </c>
      <c r="AF168" s="11" t="s">
        <v>718</v>
      </c>
      <c r="AG168" s="11" t="s">
        <v>719</v>
      </c>
      <c r="AH168" s="11" t="s">
        <v>720</v>
      </c>
      <c r="AI168" s="11">
        <v>0</v>
      </c>
      <c r="AJ168" s="11">
        <v>0</v>
      </c>
      <c r="AK168" s="11">
        <v>0</v>
      </c>
      <c r="AL168" s="11">
        <v>0</v>
      </c>
      <c r="AM168" s="11">
        <v>0</v>
      </c>
      <c r="AN168" s="83">
        <v>10195</v>
      </c>
      <c r="AO168" s="83">
        <v>23406</v>
      </c>
      <c r="AP168" s="83">
        <v>35131</v>
      </c>
      <c r="AQ168" s="83">
        <v>0</v>
      </c>
      <c r="AR168" s="83">
        <v>0</v>
      </c>
      <c r="AS168" s="83">
        <v>0</v>
      </c>
      <c r="AT168" s="83">
        <v>0</v>
      </c>
      <c r="AU168" s="83">
        <v>0</v>
      </c>
      <c r="AV168" s="11">
        <v>0</v>
      </c>
      <c r="AW168" s="11">
        <v>0</v>
      </c>
      <c r="AX168" s="11">
        <v>0</v>
      </c>
      <c r="AY168" s="11">
        <v>0</v>
      </c>
      <c r="AZ168" s="11">
        <v>0</v>
      </c>
      <c r="BA168" s="11">
        <v>0</v>
      </c>
      <c r="BB168" s="11">
        <v>0</v>
      </c>
      <c r="BC168" s="11">
        <v>0</v>
      </c>
      <c r="BD168" s="83">
        <v>0</v>
      </c>
      <c r="BE168" s="83">
        <v>0</v>
      </c>
      <c r="BF168" s="83">
        <v>0</v>
      </c>
      <c r="BG168" s="83">
        <v>0</v>
      </c>
      <c r="BH168" s="83">
        <v>0</v>
      </c>
      <c r="BI168" s="83">
        <v>0</v>
      </c>
      <c r="BJ168" s="83">
        <v>0</v>
      </c>
      <c r="BK168" s="83">
        <v>0</v>
      </c>
      <c r="BL168" s="11">
        <v>49</v>
      </c>
      <c r="BM168" s="83">
        <v>68732</v>
      </c>
      <c r="BN168" s="83">
        <v>0</v>
      </c>
    </row>
    <row r="169" spans="1:66" x14ac:dyDescent="0.3">
      <c r="A169" s="78" t="s">
        <v>102</v>
      </c>
      <c r="B169" s="79">
        <v>75</v>
      </c>
      <c r="C169" s="80"/>
      <c r="D169" t="s">
        <v>629</v>
      </c>
      <c r="E169">
        <v>688</v>
      </c>
      <c r="G169" s="78" t="s">
        <v>102</v>
      </c>
      <c r="H169" s="79">
        <v>75</v>
      </c>
      <c r="I169" s="81" t="s">
        <v>395</v>
      </c>
      <c r="J169" s="81">
        <v>564</v>
      </c>
      <c r="K169" s="82">
        <v>3</v>
      </c>
      <c r="L169" s="11">
        <v>75</v>
      </c>
      <c r="M169" s="11">
        <v>564</v>
      </c>
      <c r="N169" s="11">
        <v>3</v>
      </c>
      <c r="O169" s="11" t="s">
        <v>259</v>
      </c>
      <c r="P169" s="11">
        <v>3</v>
      </c>
      <c r="Q169" s="11">
        <v>0</v>
      </c>
      <c r="R169" s="11">
        <v>0</v>
      </c>
      <c r="S169" s="11">
        <v>0</v>
      </c>
      <c r="T169" s="11">
        <v>0</v>
      </c>
      <c r="U169" s="11">
        <v>0</v>
      </c>
      <c r="V169" s="11">
        <v>0</v>
      </c>
      <c r="W169" s="11">
        <v>0</v>
      </c>
      <c r="X169" s="11" t="s">
        <v>256</v>
      </c>
      <c r="Y169" s="11">
        <v>0</v>
      </c>
      <c r="Z169" s="11">
        <v>0</v>
      </c>
      <c r="AA169" s="11">
        <v>0</v>
      </c>
      <c r="AB169" s="11">
        <v>0</v>
      </c>
      <c r="AC169" s="11">
        <v>0</v>
      </c>
      <c r="AD169" s="11">
        <v>0</v>
      </c>
      <c r="AE169" s="11">
        <v>0</v>
      </c>
      <c r="AF169" s="11" t="s">
        <v>721</v>
      </c>
      <c r="AG169" s="11">
        <v>0</v>
      </c>
      <c r="AH169" s="11">
        <v>0</v>
      </c>
      <c r="AI169" s="11">
        <v>0</v>
      </c>
      <c r="AJ169" s="11">
        <v>0</v>
      </c>
      <c r="AK169" s="11">
        <v>0</v>
      </c>
      <c r="AL169" s="11">
        <v>0</v>
      </c>
      <c r="AM169" s="11">
        <v>0</v>
      </c>
      <c r="AN169" s="83">
        <v>2460</v>
      </c>
      <c r="AO169" s="83">
        <v>0</v>
      </c>
      <c r="AP169" s="83">
        <v>0</v>
      </c>
      <c r="AQ169" s="83">
        <v>0</v>
      </c>
      <c r="AR169" s="83">
        <v>0</v>
      </c>
      <c r="AS169" s="83">
        <v>0</v>
      </c>
      <c r="AT169" s="83">
        <v>0</v>
      </c>
      <c r="AU169" s="83">
        <v>0</v>
      </c>
      <c r="AV169" s="11" t="s">
        <v>722</v>
      </c>
      <c r="AW169" s="11">
        <v>0</v>
      </c>
      <c r="AX169" s="11">
        <v>0</v>
      </c>
      <c r="AY169" s="11">
        <v>0</v>
      </c>
      <c r="AZ169" s="11">
        <v>0</v>
      </c>
      <c r="BA169" s="11">
        <v>0</v>
      </c>
      <c r="BB169" s="11">
        <v>0</v>
      </c>
      <c r="BC169" s="11">
        <v>0</v>
      </c>
      <c r="BD169" s="83">
        <v>0</v>
      </c>
      <c r="BE169" s="83">
        <v>0</v>
      </c>
      <c r="BF169" s="83">
        <v>0</v>
      </c>
      <c r="BG169" s="83">
        <v>0</v>
      </c>
      <c r="BH169" s="83">
        <v>0</v>
      </c>
      <c r="BI169" s="83">
        <v>0</v>
      </c>
      <c r="BJ169" s="83">
        <v>0</v>
      </c>
      <c r="BK169" s="83">
        <v>0</v>
      </c>
      <c r="BL169" s="11">
        <v>3</v>
      </c>
      <c r="BM169" s="83">
        <v>2460</v>
      </c>
      <c r="BN169" s="83">
        <v>0</v>
      </c>
    </row>
    <row r="170" spans="1:66" x14ac:dyDescent="0.3">
      <c r="A170" s="78" t="s">
        <v>102</v>
      </c>
      <c r="B170" s="79">
        <v>75</v>
      </c>
      <c r="C170" s="80"/>
      <c r="D170" t="s">
        <v>682</v>
      </c>
      <c r="E170">
        <v>689</v>
      </c>
      <c r="G170" s="78" t="s">
        <v>102</v>
      </c>
      <c r="H170" s="79">
        <v>75</v>
      </c>
      <c r="I170" s="81" t="s">
        <v>428</v>
      </c>
      <c r="J170" s="81">
        <v>579</v>
      </c>
      <c r="K170" s="82">
        <v>64</v>
      </c>
      <c r="L170" s="11">
        <v>75</v>
      </c>
      <c r="M170" s="11">
        <v>579</v>
      </c>
      <c r="N170" s="11">
        <v>66</v>
      </c>
      <c r="O170" s="11" t="s">
        <v>259</v>
      </c>
      <c r="P170" s="11">
        <v>4</v>
      </c>
      <c r="Q170" s="11">
        <v>20</v>
      </c>
      <c r="R170" s="11">
        <v>25</v>
      </c>
      <c r="S170" s="11">
        <v>26</v>
      </c>
      <c r="T170" s="11">
        <v>0</v>
      </c>
      <c r="U170" s="11">
        <v>0</v>
      </c>
      <c r="V170" s="11">
        <v>0</v>
      </c>
      <c r="W170" s="11">
        <v>0</v>
      </c>
      <c r="X170" s="11" t="s">
        <v>256</v>
      </c>
      <c r="Y170" s="11" t="s">
        <v>256</v>
      </c>
      <c r="Z170" s="11" t="s">
        <v>256</v>
      </c>
      <c r="AA170" s="11" t="s">
        <v>256</v>
      </c>
      <c r="AB170" s="11">
        <v>0</v>
      </c>
      <c r="AC170" s="11">
        <v>0</v>
      </c>
      <c r="AD170" s="11">
        <v>0</v>
      </c>
      <c r="AE170" s="11">
        <v>0</v>
      </c>
      <c r="AF170" s="11" t="s">
        <v>723</v>
      </c>
      <c r="AG170" s="11" t="s">
        <v>723</v>
      </c>
      <c r="AH170" s="11" t="s">
        <v>723</v>
      </c>
      <c r="AI170" s="11" t="s">
        <v>723</v>
      </c>
      <c r="AJ170" s="11">
        <v>0</v>
      </c>
      <c r="AK170" s="11">
        <v>0</v>
      </c>
      <c r="AL170" s="11">
        <v>0</v>
      </c>
      <c r="AM170" s="11">
        <v>0</v>
      </c>
      <c r="AN170" s="83">
        <v>29284</v>
      </c>
      <c r="AO170" s="83">
        <v>28064</v>
      </c>
      <c r="AP170" s="83">
        <v>19523</v>
      </c>
      <c r="AQ170" s="83">
        <v>3660</v>
      </c>
      <c r="AR170" s="83">
        <v>0</v>
      </c>
      <c r="AS170" s="83">
        <v>0</v>
      </c>
      <c r="AT170" s="83">
        <v>0</v>
      </c>
      <c r="AU170" s="83">
        <v>0</v>
      </c>
      <c r="AV170" s="11" t="s">
        <v>722</v>
      </c>
      <c r="AW170" s="11" t="s">
        <v>722</v>
      </c>
      <c r="AX170" s="11" t="s">
        <v>722</v>
      </c>
      <c r="AY170" s="11" t="s">
        <v>722</v>
      </c>
      <c r="AZ170" s="11">
        <v>0</v>
      </c>
      <c r="BA170" s="11">
        <v>0</v>
      </c>
      <c r="BB170" s="11">
        <v>0</v>
      </c>
      <c r="BC170" s="11">
        <v>0</v>
      </c>
      <c r="BD170" s="83">
        <v>0</v>
      </c>
      <c r="BE170" s="83">
        <v>0</v>
      </c>
      <c r="BF170" s="83">
        <v>0</v>
      </c>
      <c r="BG170" s="83">
        <v>0</v>
      </c>
      <c r="BH170" s="83">
        <v>0</v>
      </c>
      <c r="BI170" s="83">
        <v>0</v>
      </c>
      <c r="BJ170" s="83">
        <v>0</v>
      </c>
      <c r="BK170" s="83">
        <v>0</v>
      </c>
      <c r="BL170" s="11">
        <v>66</v>
      </c>
      <c r="BM170" s="83">
        <v>80531</v>
      </c>
      <c r="BN170" s="83">
        <v>0</v>
      </c>
    </row>
    <row r="171" spans="1:66" x14ac:dyDescent="0.3">
      <c r="A171" s="78" t="s">
        <v>102</v>
      </c>
      <c r="B171" s="79">
        <v>75</v>
      </c>
      <c r="C171" s="80"/>
      <c r="D171" t="s">
        <v>682</v>
      </c>
      <c r="E171">
        <v>689</v>
      </c>
      <c r="G171" s="78" t="s">
        <v>102</v>
      </c>
      <c r="H171" s="79">
        <v>75</v>
      </c>
      <c r="I171" s="81" t="s">
        <v>403</v>
      </c>
      <c r="J171" s="81">
        <v>568</v>
      </c>
      <c r="K171" s="82">
        <v>25</v>
      </c>
      <c r="L171" s="11">
        <v>75</v>
      </c>
      <c r="M171" s="11">
        <v>568</v>
      </c>
      <c r="N171" s="11">
        <v>25</v>
      </c>
      <c r="O171" s="11" t="s">
        <v>259</v>
      </c>
      <c r="P171" s="11">
        <v>9</v>
      </c>
      <c r="Q171" s="11">
        <v>25</v>
      </c>
      <c r="R171" s="11">
        <v>30</v>
      </c>
      <c r="S171" s="11">
        <v>0</v>
      </c>
      <c r="T171" s="11">
        <v>0</v>
      </c>
      <c r="U171" s="11">
        <v>0</v>
      </c>
      <c r="V171" s="11">
        <v>0</v>
      </c>
      <c r="W171" s="11">
        <v>0</v>
      </c>
      <c r="X171" s="11" t="s">
        <v>256</v>
      </c>
      <c r="Y171" s="11" t="s">
        <v>256</v>
      </c>
      <c r="Z171" s="11" t="s">
        <v>256</v>
      </c>
      <c r="AA171" s="11">
        <v>0</v>
      </c>
      <c r="AB171" s="11">
        <v>0</v>
      </c>
      <c r="AC171" s="11">
        <v>0</v>
      </c>
      <c r="AD171" s="11">
        <v>0</v>
      </c>
      <c r="AE171" s="11">
        <v>0</v>
      </c>
      <c r="AF171" s="11" t="s">
        <v>724</v>
      </c>
      <c r="AG171" s="11" t="s">
        <v>724</v>
      </c>
      <c r="AH171" s="11" t="s">
        <v>724</v>
      </c>
      <c r="AI171" s="11">
        <v>0</v>
      </c>
      <c r="AJ171" s="11">
        <v>0</v>
      </c>
      <c r="AK171" s="11">
        <v>0</v>
      </c>
      <c r="AL171" s="11">
        <v>0</v>
      </c>
      <c r="AM171" s="11">
        <v>0</v>
      </c>
      <c r="AN171" s="83">
        <v>28671</v>
      </c>
      <c r="AO171" s="83">
        <v>14336</v>
      </c>
      <c r="AP171" s="83">
        <v>8192</v>
      </c>
      <c r="AQ171" s="83">
        <v>0</v>
      </c>
      <c r="AR171" s="83">
        <v>0</v>
      </c>
      <c r="AS171" s="83">
        <v>0</v>
      </c>
      <c r="AT171" s="83">
        <v>0</v>
      </c>
      <c r="AU171" s="83">
        <v>0</v>
      </c>
      <c r="AV171" s="11" t="s">
        <v>725</v>
      </c>
      <c r="AW171" s="11" t="s">
        <v>725</v>
      </c>
      <c r="AX171" s="11" t="s">
        <v>725</v>
      </c>
      <c r="AY171" s="11">
        <v>0</v>
      </c>
      <c r="AZ171" s="11">
        <v>0</v>
      </c>
      <c r="BA171" s="11">
        <v>0</v>
      </c>
      <c r="BB171" s="11">
        <v>0</v>
      </c>
      <c r="BC171" s="11">
        <v>0</v>
      </c>
      <c r="BD171" s="83">
        <v>0</v>
      </c>
      <c r="BE171" s="83">
        <v>0</v>
      </c>
      <c r="BF171" s="83">
        <v>0</v>
      </c>
      <c r="BG171" s="83">
        <v>0</v>
      </c>
      <c r="BH171" s="83">
        <v>0</v>
      </c>
      <c r="BI171" s="83">
        <v>0</v>
      </c>
      <c r="BJ171" s="83">
        <v>0</v>
      </c>
      <c r="BK171" s="83">
        <v>0</v>
      </c>
      <c r="BL171" s="11">
        <v>25</v>
      </c>
      <c r="BM171" s="83">
        <v>51199</v>
      </c>
      <c r="BN171" s="83">
        <v>353400</v>
      </c>
    </row>
    <row r="172" spans="1:66" x14ac:dyDescent="0.3">
      <c r="A172" s="78" t="s">
        <v>103</v>
      </c>
      <c r="B172" s="79">
        <v>78</v>
      </c>
      <c r="C172" s="80"/>
      <c r="D172" t="s">
        <v>683</v>
      </c>
      <c r="E172">
        <v>690</v>
      </c>
      <c r="G172" s="78" t="s">
        <v>103</v>
      </c>
      <c r="H172" s="79">
        <v>78</v>
      </c>
      <c r="I172" s="81" t="s">
        <v>700</v>
      </c>
      <c r="J172" s="81">
        <v>700</v>
      </c>
      <c r="K172" s="82">
        <v>9</v>
      </c>
      <c r="L172" s="11">
        <v>78</v>
      </c>
      <c r="M172" s="11">
        <v>700</v>
      </c>
      <c r="N172" s="11">
        <v>5</v>
      </c>
      <c r="O172" s="11" t="s">
        <v>204</v>
      </c>
      <c r="P172" s="11">
        <v>12</v>
      </c>
      <c r="Q172" s="11">
        <v>0</v>
      </c>
      <c r="R172" s="11">
        <v>0</v>
      </c>
      <c r="S172" s="11">
        <v>0</v>
      </c>
      <c r="T172" s="11">
        <v>0</v>
      </c>
      <c r="U172" s="11">
        <v>0</v>
      </c>
      <c r="V172" s="11">
        <v>0</v>
      </c>
      <c r="W172" s="11">
        <v>0</v>
      </c>
      <c r="X172" s="11" t="s">
        <v>256</v>
      </c>
      <c r="Y172" s="11">
        <v>0</v>
      </c>
      <c r="Z172" s="11">
        <v>0</v>
      </c>
      <c r="AA172" s="11">
        <v>0</v>
      </c>
      <c r="AB172" s="11">
        <v>0</v>
      </c>
      <c r="AC172" s="11">
        <v>0</v>
      </c>
      <c r="AD172" s="11">
        <v>0</v>
      </c>
      <c r="AE172" s="11">
        <v>0</v>
      </c>
      <c r="AF172" s="11" t="s">
        <v>726</v>
      </c>
      <c r="AG172" s="11">
        <v>0</v>
      </c>
      <c r="AH172" s="11">
        <v>0</v>
      </c>
      <c r="AI172" s="11">
        <v>0</v>
      </c>
      <c r="AJ172" s="11">
        <v>0</v>
      </c>
      <c r="AK172" s="11">
        <v>0</v>
      </c>
      <c r="AL172" s="11">
        <v>0</v>
      </c>
      <c r="AM172" s="11">
        <v>0</v>
      </c>
      <c r="AN172" s="83">
        <v>24109.43</v>
      </c>
      <c r="AO172" s="83">
        <v>0</v>
      </c>
      <c r="AP172" s="83">
        <v>0</v>
      </c>
      <c r="AQ172" s="83">
        <v>0</v>
      </c>
      <c r="AR172" s="83">
        <v>0</v>
      </c>
      <c r="AS172" s="83">
        <v>0</v>
      </c>
      <c r="AT172" s="83">
        <v>0</v>
      </c>
      <c r="AU172" s="83">
        <v>0</v>
      </c>
      <c r="AV172" s="11" t="s">
        <v>727</v>
      </c>
      <c r="AW172" s="11">
        <v>0</v>
      </c>
      <c r="AX172" s="11">
        <v>0</v>
      </c>
      <c r="AY172" s="11">
        <v>0</v>
      </c>
      <c r="AZ172" s="11">
        <v>0</v>
      </c>
      <c r="BA172" s="11">
        <v>0</v>
      </c>
      <c r="BB172" s="11">
        <v>0</v>
      </c>
      <c r="BC172" s="11">
        <v>0</v>
      </c>
      <c r="BD172" s="11">
        <v>1107.5</v>
      </c>
      <c r="BE172" s="11">
        <v>0</v>
      </c>
      <c r="BF172" s="11">
        <v>0</v>
      </c>
      <c r="BG172" s="11">
        <v>0</v>
      </c>
      <c r="BH172" s="11">
        <v>0</v>
      </c>
      <c r="BI172" s="11">
        <v>0</v>
      </c>
      <c r="BJ172" s="11">
        <v>0</v>
      </c>
      <c r="BK172" s="11">
        <v>0</v>
      </c>
      <c r="BL172" s="11">
        <v>5</v>
      </c>
      <c r="BM172" s="83">
        <v>24109.43</v>
      </c>
      <c r="BN172" s="83">
        <v>1107.5</v>
      </c>
    </row>
    <row r="173" spans="1:66" x14ac:dyDescent="0.3">
      <c r="A173" s="78" t="s">
        <v>103</v>
      </c>
      <c r="B173" s="79">
        <v>78</v>
      </c>
      <c r="C173" s="80"/>
      <c r="D173" t="s">
        <v>683</v>
      </c>
      <c r="E173">
        <v>690</v>
      </c>
      <c r="G173" s="78" t="s">
        <v>103</v>
      </c>
      <c r="H173" s="79">
        <v>78</v>
      </c>
      <c r="I173" s="81" t="s">
        <v>728</v>
      </c>
      <c r="J173" s="81">
        <v>701</v>
      </c>
      <c r="K173" s="82">
        <v>8</v>
      </c>
      <c r="L173" s="11">
        <v>78</v>
      </c>
      <c r="M173" s="11">
        <v>701</v>
      </c>
      <c r="N173" s="11">
        <v>11</v>
      </c>
      <c r="O173" s="11" t="s">
        <v>204</v>
      </c>
      <c r="P173" s="11">
        <v>4.0999999999999996</v>
      </c>
      <c r="Q173" s="11">
        <v>3.7</v>
      </c>
      <c r="R173" s="11">
        <v>0</v>
      </c>
      <c r="S173" s="11">
        <v>0</v>
      </c>
      <c r="T173" s="11">
        <v>0</v>
      </c>
      <c r="U173" s="11">
        <v>0</v>
      </c>
      <c r="V173" s="11">
        <v>0</v>
      </c>
      <c r="W173" s="11">
        <v>0</v>
      </c>
      <c r="X173" s="11" t="s">
        <v>256</v>
      </c>
      <c r="Y173" s="11" t="s">
        <v>256</v>
      </c>
      <c r="Z173" s="11">
        <v>0</v>
      </c>
      <c r="AA173" s="11">
        <v>0</v>
      </c>
      <c r="AB173" s="11">
        <v>0</v>
      </c>
      <c r="AC173" s="11">
        <v>0</v>
      </c>
      <c r="AD173" s="11">
        <v>0</v>
      </c>
      <c r="AE173" s="11">
        <v>0</v>
      </c>
      <c r="AF173" s="11" t="s">
        <v>726</v>
      </c>
      <c r="AG173" s="11" t="s">
        <v>726</v>
      </c>
      <c r="AH173" s="11">
        <v>0</v>
      </c>
      <c r="AI173" s="11">
        <v>0</v>
      </c>
      <c r="AJ173" s="11">
        <v>0</v>
      </c>
      <c r="AK173" s="11">
        <v>0</v>
      </c>
      <c r="AL173" s="11">
        <v>0</v>
      </c>
      <c r="AM173" s="11">
        <v>0</v>
      </c>
      <c r="AN173" s="83">
        <v>4026.87</v>
      </c>
      <c r="AO173" s="83">
        <v>4027.87</v>
      </c>
      <c r="AP173" s="83">
        <v>0</v>
      </c>
      <c r="AQ173" s="83">
        <v>0</v>
      </c>
      <c r="AR173" s="83">
        <v>0</v>
      </c>
      <c r="AS173" s="83">
        <v>0</v>
      </c>
      <c r="AT173" s="83">
        <v>0</v>
      </c>
      <c r="AU173" s="83">
        <v>0</v>
      </c>
      <c r="AV173" s="11" t="s">
        <v>727</v>
      </c>
      <c r="AW173" s="11" t="s">
        <v>727</v>
      </c>
      <c r="AX173" s="11">
        <v>0</v>
      </c>
      <c r="AY173" s="11">
        <v>0</v>
      </c>
      <c r="AZ173" s="11">
        <v>0</v>
      </c>
      <c r="BA173" s="11">
        <v>0</v>
      </c>
      <c r="BB173" s="11">
        <v>0</v>
      </c>
      <c r="BC173" s="11">
        <v>0</v>
      </c>
      <c r="BD173" s="11">
        <v>553.75</v>
      </c>
      <c r="BE173" s="11">
        <v>553.75</v>
      </c>
      <c r="BF173" s="11">
        <v>0</v>
      </c>
      <c r="BG173" s="11">
        <v>0</v>
      </c>
      <c r="BH173" s="11">
        <v>0</v>
      </c>
      <c r="BI173" s="11">
        <v>0</v>
      </c>
      <c r="BJ173" s="11">
        <v>0</v>
      </c>
      <c r="BK173" s="11">
        <v>0</v>
      </c>
      <c r="BL173" s="11">
        <v>11</v>
      </c>
      <c r="BM173" s="83">
        <v>8054.74</v>
      </c>
      <c r="BN173" s="83">
        <v>1107.5</v>
      </c>
    </row>
    <row r="174" spans="1:66" x14ac:dyDescent="0.3">
      <c r="A174" s="78" t="s">
        <v>103</v>
      </c>
      <c r="B174" s="79">
        <v>78</v>
      </c>
      <c r="C174" s="80"/>
      <c r="D174" t="s">
        <v>689</v>
      </c>
      <c r="E174">
        <v>691</v>
      </c>
      <c r="G174" s="78" t="s">
        <v>103</v>
      </c>
      <c r="H174" s="79">
        <v>78</v>
      </c>
      <c r="I174" s="81" t="s">
        <v>429</v>
      </c>
      <c r="J174" s="81">
        <v>583</v>
      </c>
      <c r="K174" s="82">
        <v>60</v>
      </c>
      <c r="L174" s="11">
        <v>78</v>
      </c>
      <c r="M174" s="11">
        <v>583</v>
      </c>
      <c r="N174" s="11">
        <v>64</v>
      </c>
      <c r="O174" s="11" t="s">
        <v>259</v>
      </c>
      <c r="P174" s="11">
        <v>0</v>
      </c>
      <c r="Q174" s="11">
        <v>0</v>
      </c>
      <c r="R174" s="11">
        <v>0</v>
      </c>
      <c r="S174" s="11">
        <v>0</v>
      </c>
      <c r="T174" s="11">
        <v>0</v>
      </c>
      <c r="U174" s="11">
        <v>0</v>
      </c>
      <c r="V174" s="11">
        <v>0</v>
      </c>
      <c r="W174" s="11">
        <v>0</v>
      </c>
      <c r="X174" s="11" t="s">
        <v>256</v>
      </c>
      <c r="Y174" s="11" t="s">
        <v>256</v>
      </c>
      <c r="Z174" s="11" t="s">
        <v>256</v>
      </c>
      <c r="AA174" s="11" t="s">
        <v>256</v>
      </c>
      <c r="AB174" s="11">
        <v>0</v>
      </c>
      <c r="AC174" s="11">
        <v>0</v>
      </c>
      <c r="AD174" s="11">
        <v>0</v>
      </c>
      <c r="AE174" s="11">
        <v>0</v>
      </c>
      <c r="AF174" s="11" t="s">
        <v>729</v>
      </c>
      <c r="AG174" s="11" t="s">
        <v>730</v>
      </c>
      <c r="AH174" s="11" t="s">
        <v>731</v>
      </c>
      <c r="AI174" s="11" t="s">
        <v>732</v>
      </c>
      <c r="AJ174" s="11">
        <v>0</v>
      </c>
      <c r="AK174" s="11">
        <v>0</v>
      </c>
      <c r="AL174" s="11">
        <v>0</v>
      </c>
      <c r="AM174" s="11">
        <v>0</v>
      </c>
      <c r="AN174" s="83">
        <v>27636.560000000001</v>
      </c>
      <c r="AO174" s="83">
        <v>13559.12</v>
      </c>
      <c r="AP174" s="83">
        <v>23178.87</v>
      </c>
      <c r="AQ174" s="83">
        <v>42477.05</v>
      </c>
      <c r="AR174" s="83">
        <v>0</v>
      </c>
      <c r="AS174" s="83">
        <v>0</v>
      </c>
      <c r="AT174" s="83">
        <v>0</v>
      </c>
      <c r="AU174" s="83">
        <v>0</v>
      </c>
      <c r="AV174" s="11" t="s">
        <v>727</v>
      </c>
      <c r="AW174" s="11" t="s">
        <v>727</v>
      </c>
      <c r="AX174" s="11" t="s">
        <v>727</v>
      </c>
      <c r="AY174" s="11" t="s">
        <v>727</v>
      </c>
      <c r="AZ174" s="11">
        <v>0</v>
      </c>
      <c r="BA174" s="11">
        <v>0</v>
      </c>
      <c r="BB174" s="11">
        <v>0</v>
      </c>
      <c r="BC174" s="11">
        <v>0</v>
      </c>
      <c r="BD174" s="11">
        <v>5537.5</v>
      </c>
      <c r="BE174" s="11">
        <v>0</v>
      </c>
      <c r="BF174" s="11">
        <v>0</v>
      </c>
      <c r="BG174" s="11">
        <v>5537.5</v>
      </c>
      <c r="BH174" s="11">
        <v>0</v>
      </c>
      <c r="BI174" s="11">
        <v>0</v>
      </c>
      <c r="BJ174" s="11">
        <v>0</v>
      </c>
      <c r="BK174" s="11">
        <v>0</v>
      </c>
      <c r="BL174" s="11">
        <v>64</v>
      </c>
      <c r="BM174" s="83">
        <v>106851.6</v>
      </c>
      <c r="BN174" s="83">
        <v>11075</v>
      </c>
    </row>
    <row r="175" spans="1:66" x14ac:dyDescent="0.3">
      <c r="A175" s="78" t="s">
        <v>103</v>
      </c>
      <c r="B175" s="79">
        <v>78</v>
      </c>
      <c r="C175" s="80"/>
      <c r="D175" t="s">
        <v>712</v>
      </c>
      <c r="E175">
        <v>692</v>
      </c>
      <c r="G175" s="78" t="s">
        <v>103</v>
      </c>
      <c r="H175" s="79">
        <v>78</v>
      </c>
      <c r="I175" s="81" t="s">
        <v>369</v>
      </c>
      <c r="J175" s="81">
        <v>584</v>
      </c>
      <c r="K175" s="82">
        <v>5</v>
      </c>
      <c r="L175" s="91">
        <v>78</v>
      </c>
      <c r="M175" s="91">
        <v>584</v>
      </c>
      <c r="N175" s="11"/>
      <c r="O175" s="11"/>
      <c r="P175" s="11"/>
      <c r="Q175" s="11"/>
      <c r="R175" s="11"/>
      <c r="S175" s="11"/>
      <c r="T175" s="11"/>
      <c r="U175" s="11"/>
      <c r="V175" s="11"/>
      <c r="W175" s="11"/>
      <c r="X175" s="11"/>
      <c r="Y175" s="11"/>
      <c r="Z175" s="11"/>
      <c r="AA175" s="11"/>
      <c r="AB175" s="11"/>
      <c r="AC175" s="11"/>
      <c r="AD175" s="11"/>
      <c r="AE175" s="11"/>
      <c r="AF175" s="11"/>
      <c r="AG175" s="11"/>
      <c r="AH175" s="11"/>
      <c r="AI175" s="11"/>
      <c r="AJ175" s="11"/>
      <c r="AK175" s="11"/>
      <c r="AL175" s="11"/>
      <c r="AM175" s="11"/>
      <c r="AN175" s="83"/>
      <c r="AO175" s="83"/>
      <c r="AP175" s="83"/>
      <c r="AQ175" s="83"/>
      <c r="AR175" s="83"/>
      <c r="AS175" s="83"/>
      <c r="AT175" s="83"/>
      <c r="AU175" s="83"/>
      <c r="AV175" s="11"/>
      <c r="AW175" s="11"/>
      <c r="AX175" s="11"/>
      <c r="AY175" s="11"/>
      <c r="AZ175" s="11"/>
      <c r="BA175" s="11"/>
      <c r="BB175" s="11"/>
      <c r="BC175" s="11"/>
      <c r="BD175" s="11"/>
      <c r="BE175" s="11"/>
      <c r="BF175" s="11"/>
      <c r="BG175" s="11"/>
      <c r="BH175" s="11"/>
      <c r="BI175" s="11"/>
      <c r="BJ175" s="11"/>
      <c r="BK175" s="11"/>
      <c r="BL175" s="11"/>
      <c r="BM175" s="83"/>
      <c r="BN175" s="83">
        <v>552</v>
      </c>
    </row>
    <row r="176" spans="1:66" x14ac:dyDescent="0.3">
      <c r="A176" s="78" t="s">
        <v>103</v>
      </c>
      <c r="B176" s="79">
        <v>78</v>
      </c>
      <c r="C176" s="80"/>
      <c r="D176" t="s">
        <v>535</v>
      </c>
      <c r="E176">
        <v>693</v>
      </c>
      <c r="G176" s="78" t="s">
        <v>103</v>
      </c>
      <c r="H176" s="79">
        <v>78</v>
      </c>
      <c r="I176" s="81" t="s">
        <v>398</v>
      </c>
      <c r="J176" s="81">
        <v>567</v>
      </c>
      <c r="K176" s="82">
        <v>7</v>
      </c>
      <c r="L176" s="91">
        <v>78</v>
      </c>
      <c r="M176" s="91">
        <v>567</v>
      </c>
      <c r="N176" s="11"/>
      <c r="O176" s="11" t="s">
        <v>259</v>
      </c>
      <c r="P176" s="11"/>
      <c r="Q176" s="11"/>
      <c r="R176" s="11"/>
      <c r="S176" s="11"/>
      <c r="T176" s="11"/>
      <c r="U176" s="11"/>
      <c r="V176" s="11"/>
      <c r="W176" s="11"/>
      <c r="X176" s="11"/>
      <c r="Y176" s="11"/>
      <c r="Z176" s="11"/>
      <c r="AA176" s="11"/>
      <c r="AB176" s="11"/>
      <c r="AC176" s="11"/>
      <c r="AD176" s="11"/>
      <c r="AE176" s="11"/>
      <c r="AF176" s="11"/>
      <c r="AG176" s="11"/>
      <c r="AH176" s="11"/>
      <c r="AI176" s="11"/>
      <c r="AJ176" s="11"/>
      <c r="AK176" s="11"/>
      <c r="AL176" s="11"/>
      <c r="AM176" s="11"/>
      <c r="AN176" s="83"/>
      <c r="AO176" s="83"/>
      <c r="AP176" s="83"/>
      <c r="AQ176" s="83"/>
      <c r="AR176" s="83"/>
      <c r="AS176" s="83"/>
      <c r="AT176" s="83"/>
      <c r="AU176" s="83"/>
      <c r="AV176" s="11"/>
      <c r="AW176" s="11"/>
      <c r="AX176" s="11"/>
      <c r="AY176" s="11"/>
      <c r="AZ176" s="11"/>
      <c r="BA176" s="11"/>
      <c r="BB176" s="11"/>
      <c r="BC176" s="11"/>
      <c r="BD176" s="11"/>
      <c r="BE176" s="11"/>
      <c r="BF176" s="11"/>
      <c r="BG176" s="11"/>
      <c r="BH176" s="11"/>
      <c r="BI176" s="11"/>
      <c r="BJ176" s="11"/>
      <c r="BK176" s="11"/>
      <c r="BL176" s="11"/>
      <c r="BM176" s="83"/>
      <c r="BN176" s="83">
        <v>45000</v>
      </c>
    </row>
    <row r="177" spans="1:66" x14ac:dyDescent="0.3">
      <c r="A177" s="78" t="s">
        <v>103</v>
      </c>
      <c r="B177" s="79">
        <v>78</v>
      </c>
      <c r="C177" s="80"/>
      <c r="D177" t="s">
        <v>539</v>
      </c>
      <c r="E177">
        <v>694</v>
      </c>
      <c r="G177" s="78" t="s">
        <v>103</v>
      </c>
      <c r="H177" s="79">
        <v>78</v>
      </c>
      <c r="I177" s="81" t="s">
        <v>375</v>
      </c>
      <c r="J177" s="81">
        <v>581</v>
      </c>
      <c r="K177" s="82">
        <v>100</v>
      </c>
      <c r="L177" s="11">
        <v>78</v>
      </c>
      <c r="M177" s="11">
        <v>581</v>
      </c>
      <c r="N177" s="11">
        <v>98</v>
      </c>
      <c r="O177" s="11" t="s">
        <v>259</v>
      </c>
      <c r="P177" s="11">
        <v>6</v>
      </c>
      <c r="Q177" s="11">
        <v>7</v>
      </c>
      <c r="R177" s="11">
        <v>6</v>
      </c>
      <c r="S177" s="11">
        <v>0</v>
      </c>
      <c r="T177" s="11">
        <v>0</v>
      </c>
      <c r="U177" s="11">
        <v>0</v>
      </c>
      <c r="V177" s="11">
        <v>0</v>
      </c>
      <c r="W177" s="11">
        <v>0</v>
      </c>
      <c r="X177" s="11" t="s">
        <v>256</v>
      </c>
      <c r="Y177" s="11" t="s">
        <v>256</v>
      </c>
      <c r="Z177" s="11" t="s">
        <v>256</v>
      </c>
      <c r="AA177" s="11">
        <v>0</v>
      </c>
      <c r="AB177" s="11">
        <v>0</v>
      </c>
      <c r="AC177" s="11">
        <v>0</v>
      </c>
      <c r="AD177" s="11">
        <v>0</v>
      </c>
      <c r="AE177" s="11">
        <v>0</v>
      </c>
      <c r="AF177" s="11" t="s">
        <v>733</v>
      </c>
      <c r="AG177" s="11" t="s">
        <v>734</v>
      </c>
      <c r="AH177" s="11" t="s">
        <v>735</v>
      </c>
      <c r="AI177" s="11">
        <v>0</v>
      </c>
      <c r="AJ177" s="11">
        <v>0</v>
      </c>
      <c r="AK177" s="11">
        <v>0</v>
      </c>
      <c r="AL177" s="11">
        <v>0</v>
      </c>
      <c r="AM177" s="11">
        <v>0</v>
      </c>
      <c r="AN177" s="83">
        <v>32167.34</v>
      </c>
      <c r="AO177" s="83">
        <v>40274.239999999998</v>
      </c>
      <c r="AP177" s="83">
        <v>5475.48</v>
      </c>
      <c r="AQ177" s="83">
        <v>0</v>
      </c>
      <c r="AR177" s="83">
        <v>0</v>
      </c>
      <c r="AS177" s="83">
        <v>0</v>
      </c>
      <c r="AT177" s="83">
        <v>0</v>
      </c>
      <c r="AU177" s="83">
        <v>0</v>
      </c>
      <c r="AV177" s="11" t="s">
        <v>727</v>
      </c>
      <c r="AW177" s="11" t="s">
        <v>736</v>
      </c>
      <c r="AX177" s="11">
        <v>0</v>
      </c>
      <c r="AY177" s="11">
        <v>0</v>
      </c>
      <c r="AZ177" s="11">
        <v>0</v>
      </c>
      <c r="BA177" s="11">
        <v>0</v>
      </c>
      <c r="BB177" s="11">
        <v>0</v>
      </c>
      <c r="BC177" s="11">
        <v>0</v>
      </c>
      <c r="BD177" s="11">
        <v>15000</v>
      </c>
      <c r="BE177" s="11">
        <v>10000</v>
      </c>
      <c r="BF177" s="11">
        <v>0</v>
      </c>
      <c r="BG177" s="11">
        <v>0</v>
      </c>
      <c r="BH177" s="11">
        <v>0</v>
      </c>
      <c r="BI177" s="11">
        <v>0</v>
      </c>
      <c r="BJ177" s="11">
        <v>0</v>
      </c>
      <c r="BK177" s="11">
        <v>0</v>
      </c>
      <c r="BL177" s="11">
        <v>98</v>
      </c>
      <c r="BM177" s="83">
        <v>77917.06</v>
      </c>
      <c r="BN177" s="83">
        <v>25000</v>
      </c>
    </row>
    <row r="178" spans="1:66" x14ac:dyDescent="0.3">
      <c r="A178" s="78" t="s">
        <v>103</v>
      </c>
      <c r="B178" s="79">
        <v>78</v>
      </c>
      <c r="C178" s="80"/>
      <c r="D178" t="s">
        <v>702</v>
      </c>
      <c r="E178">
        <v>694</v>
      </c>
      <c r="G178" s="78" t="s">
        <v>103</v>
      </c>
      <c r="H178" s="79">
        <v>78</v>
      </c>
      <c r="I178" s="81" t="s">
        <v>455</v>
      </c>
      <c r="J178" s="81">
        <v>587</v>
      </c>
      <c r="K178" s="82">
        <v>39</v>
      </c>
      <c r="L178" s="11">
        <v>78</v>
      </c>
      <c r="M178" s="11">
        <v>587</v>
      </c>
      <c r="N178" s="11">
        <v>44</v>
      </c>
      <c r="O178" s="11" t="s">
        <v>204</v>
      </c>
      <c r="P178" s="11">
        <v>18</v>
      </c>
      <c r="Q178" s="11">
        <v>17</v>
      </c>
      <c r="R178" s="11">
        <v>14</v>
      </c>
      <c r="S178" s="11">
        <v>17</v>
      </c>
      <c r="T178" s="11">
        <v>0</v>
      </c>
      <c r="U178" s="11">
        <v>0</v>
      </c>
      <c r="V178" s="11">
        <v>0</v>
      </c>
      <c r="W178" s="11">
        <v>0</v>
      </c>
      <c r="X178" s="11" t="s">
        <v>256</v>
      </c>
      <c r="Y178" s="11" t="s">
        <v>256</v>
      </c>
      <c r="Z178" s="11" t="s">
        <v>256</v>
      </c>
      <c r="AA178" s="11" t="s">
        <v>256</v>
      </c>
      <c r="AB178" s="11">
        <v>0</v>
      </c>
      <c r="AC178" s="11">
        <v>0</v>
      </c>
      <c r="AD178" s="11">
        <v>0</v>
      </c>
      <c r="AE178" s="11">
        <v>0</v>
      </c>
      <c r="AF178" s="11" t="s">
        <v>737</v>
      </c>
      <c r="AG178" s="11" t="s">
        <v>738</v>
      </c>
      <c r="AH178" s="11" t="s">
        <v>739</v>
      </c>
      <c r="AI178" s="11" t="s">
        <v>740</v>
      </c>
      <c r="AJ178" s="11">
        <v>0</v>
      </c>
      <c r="AK178" s="11">
        <v>0</v>
      </c>
      <c r="AL178" s="11">
        <v>0</v>
      </c>
      <c r="AM178" s="11">
        <v>0</v>
      </c>
      <c r="AN178" s="83">
        <v>15399.78</v>
      </c>
      <c r="AO178" s="83">
        <v>11977.61</v>
      </c>
      <c r="AP178" s="83">
        <v>17681.240000000002</v>
      </c>
      <c r="AQ178" s="83">
        <v>0</v>
      </c>
      <c r="AR178" s="83">
        <v>0</v>
      </c>
      <c r="AS178" s="83">
        <v>0</v>
      </c>
      <c r="AT178" s="83">
        <v>0</v>
      </c>
      <c r="AU178" s="83">
        <v>0</v>
      </c>
      <c r="AV178" s="11" t="s">
        <v>727</v>
      </c>
      <c r="AW178" s="11">
        <v>0</v>
      </c>
      <c r="AX178" s="11">
        <v>0</v>
      </c>
      <c r="AY178" s="11">
        <v>0</v>
      </c>
      <c r="AZ178" s="11">
        <v>0</v>
      </c>
      <c r="BA178" s="11">
        <v>0</v>
      </c>
      <c r="BB178" s="11">
        <v>0</v>
      </c>
      <c r="BC178" s="11">
        <v>0</v>
      </c>
      <c r="BD178" s="11">
        <v>5537.5</v>
      </c>
      <c r="BE178" s="11">
        <v>0</v>
      </c>
      <c r="BF178" s="11">
        <v>0</v>
      </c>
      <c r="BG178" s="11">
        <v>0</v>
      </c>
      <c r="BH178" s="11">
        <v>0</v>
      </c>
      <c r="BI178" s="11">
        <v>0</v>
      </c>
      <c r="BJ178" s="11">
        <v>0</v>
      </c>
      <c r="BK178" s="11">
        <v>0</v>
      </c>
      <c r="BL178" s="11">
        <v>44</v>
      </c>
      <c r="BM178" s="83">
        <v>45058.630000000005</v>
      </c>
      <c r="BN178" s="83">
        <v>5537.5</v>
      </c>
    </row>
    <row r="179" spans="1:66" x14ac:dyDescent="0.3">
      <c r="A179" s="78" t="s">
        <v>103</v>
      </c>
      <c r="B179" s="79">
        <v>78</v>
      </c>
      <c r="C179" s="80"/>
      <c r="D179" t="s">
        <v>541</v>
      </c>
      <c r="E179">
        <v>695</v>
      </c>
      <c r="G179" s="78" t="s">
        <v>103</v>
      </c>
      <c r="H179" s="79">
        <v>78</v>
      </c>
      <c r="I179" s="81" t="s">
        <v>741</v>
      </c>
      <c r="J179" s="81">
        <v>708</v>
      </c>
      <c r="K179" s="82">
        <v>10</v>
      </c>
      <c r="L179" s="11">
        <v>78</v>
      </c>
      <c r="M179" s="11">
        <v>708</v>
      </c>
      <c r="N179" s="11">
        <v>11</v>
      </c>
      <c r="O179" s="11" t="s">
        <v>204</v>
      </c>
      <c r="P179" s="11">
        <v>42</v>
      </c>
      <c r="Q179" s="11">
        <v>41</v>
      </c>
      <c r="R179" s="11">
        <v>42</v>
      </c>
      <c r="S179" s="11">
        <v>0</v>
      </c>
      <c r="T179" s="11">
        <v>0</v>
      </c>
      <c r="U179" s="11">
        <v>0</v>
      </c>
      <c r="V179" s="11">
        <v>0</v>
      </c>
      <c r="W179" s="11">
        <v>0</v>
      </c>
      <c r="X179" s="11" t="s">
        <v>256</v>
      </c>
      <c r="Y179" s="11" t="s">
        <v>256</v>
      </c>
      <c r="Z179" s="11" t="s">
        <v>256</v>
      </c>
      <c r="AA179" s="11" t="s">
        <v>256</v>
      </c>
      <c r="AB179" s="11">
        <v>0</v>
      </c>
      <c r="AC179" s="11">
        <v>0</v>
      </c>
      <c r="AD179" s="11">
        <v>0</v>
      </c>
      <c r="AE179" s="11">
        <v>0</v>
      </c>
      <c r="AF179" s="11" t="s">
        <v>742</v>
      </c>
      <c r="AG179" s="11" t="s">
        <v>743</v>
      </c>
      <c r="AH179" s="11" t="s">
        <v>744</v>
      </c>
      <c r="AI179" s="11" t="s">
        <v>745</v>
      </c>
      <c r="AJ179" s="11">
        <v>0</v>
      </c>
      <c r="AK179" s="11">
        <v>0</v>
      </c>
      <c r="AL179" s="11">
        <v>0</v>
      </c>
      <c r="AM179" s="11">
        <v>0</v>
      </c>
      <c r="AN179" s="83">
        <v>25666.31</v>
      </c>
      <c r="AO179" s="83">
        <v>25633.09</v>
      </c>
      <c r="AP179" s="83">
        <v>28518.13</v>
      </c>
      <c r="AQ179" s="83">
        <v>0</v>
      </c>
      <c r="AR179" s="83">
        <v>0</v>
      </c>
      <c r="AS179" s="83">
        <v>0</v>
      </c>
      <c r="AT179" s="83">
        <v>0</v>
      </c>
      <c r="AU179" s="83">
        <v>0</v>
      </c>
      <c r="AV179" s="11" t="s">
        <v>727</v>
      </c>
      <c r="AW179" s="11" t="s">
        <v>727</v>
      </c>
      <c r="AX179" s="11" t="s">
        <v>727</v>
      </c>
      <c r="AY179" s="11" t="s">
        <v>727</v>
      </c>
      <c r="AZ179" s="11">
        <v>0</v>
      </c>
      <c r="BA179" s="11">
        <v>0</v>
      </c>
      <c r="BB179" s="11">
        <v>0</v>
      </c>
      <c r="BC179" s="11">
        <v>0</v>
      </c>
      <c r="BD179" s="11">
        <v>1107.5</v>
      </c>
      <c r="BE179" s="11">
        <v>0</v>
      </c>
      <c r="BF179" s="11">
        <v>0</v>
      </c>
      <c r="BG179" s="11">
        <v>0</v>
      </c>
      <c r="BH179" s="11">
        <v>0</v>
      </c>
      <c r="BI179" s="11">
        <v>0</v>
      </c>
      <c r="BJ179" s="11">
        <v>0</v>
      </c>
      <c r="BK179" s="11">
        <v>0</v>
      </c>
      <c r="BL179" s="11">
        <v>11</v>
      </c>
      <c r="BM179" s="83">
        <v>79817.53</v>
      </c>
      <c r="BN179" s="83">
        <v>1107.5</v>
      </c>
    </row>
    <row r="180" spans="1:66" x14ac:dyDescent="0.3">
      <c r="A180" s="78" t="s">
        <v>103</v>
      </c>
      <c r="B180" s="79">
        <v>78</v>
      </c>
      <c r="C180" s="80"/>
      <c r="D180" t="s">
        <v>709</v>
      </c>
      <c r="E180">
        <v>696</v>
      </c>
      <c r="G180" s="78" t="s">
        <v>103</v>
      </c>
      <c r="H180" s="79">
        <v>78</v>
      </c>
      <c r="I180" s="81" t="s">
        <v>403</v>
      </c>
      <c r="J180" s="81">
        <v>568</v>
      </c>
      <c r="K180" s="82">
        <v>1</v>
      </c>
      <c r="L180" s="11">
        <v>78</v>
      </c>
      <c r="M180" s="11">
        <v>568</v>
      </c>
      <c r="N180" s="11">
        <v>0</v>
      </c>
      <c r="O180" s="11" t="s">
        <v>204</v>
      </c>
      <c r="P180" s="11">
        <v>21</v>
      </c>
      <c r="Q180" s="11">
        <v>0</v>
      </c>
      <c r="R180" s="11">
        <v>0</v>
      </c>
      <c r="S180" s="11">
        <v>0</v>
      </c>
      <c r="T180" s="11">
        <v>0</v>
      </c>
      <c r="U180" s="11">
        <v>0</v>
      </c>
      <c r="V180" s="11">
        <v>0</v>
      </c>
      <c r="W180" s="11">
        <v>0</v>
      </c>
      <c r="X180" s="11" t="s">
        <v>256</v>
      </c>
      <c r="Y180" s="11">
        <v>0</v>
      </c>
      <c r="Z180" s="11">
        <v>0</v>
      </c>
      <c r="AA180" s="11">
        <v>0</v>
      </c>
      <c r="AB180" s="11">
        <v>0</v>
      </c>
      <c r="AC180" s="11">
        <v>0</v>
      </c>
      <c r="AD180" s="11">
        <v>0</v>
      </c>
      <c r="AE180" s="11">
        <v>0</v>
      </c>
      <c r="AF180" s="11" t="s">
        <v>746</v>
      </c>
      <c r="AG180" s="11">
        <v>0</v>
      </c>
      <c r="AH180" s="11">
        <v>0</v>
      </c>
      <c r="AI180" s="11">
        <v>0</v>
      </c>
      <c r="AJ180" s="11">
        <v>0</v>
      </c>
      <c r="AK180" s="11">
        <v>0</v>
      </c>
      <c r="AL180" s="11">
        <v>0</v>
      </c>
      <c r="AM180" s="11">
        <v>0</v>
      </c>
      <c r="AN180" s="83">
        <v>0</v>
      </c>
      <c r="AO180" s="83">
        <v>0</v>
      </c>
      <c r="AP180" s="83">
        <v>0</v>
      </c>
      <c r="AQ180" s="83">
        <v>0</v>
      </c>
      <c r="AR180" s="83">
        <v>0</v>
      </c>
      <c r="AS180" s="83">
        <v>0</v>
      </c>
      <c r="AT180" s="83">
        <v>0</v>
      </c>
      <c r="AU180" s="83">
        <v>0</v>
      </c>
      <c r="AV180" s="11">
        <v>0</v>
      </c>
      <c r="AW180" s="11">
        <v>0</v>
      </c>
      <c r="AX180" s="11">
        <v>0</v>
      </c>
      <c r="AY180" s="11">
        <v>0</v>
      </c>
      <c r="AZ180" s="11">
        <v>0</v>
      </c>
      <c r="BA180" s="11">
        <v>0</v>
      </c>
      <c r="BB180" s="11">
        <v>0</v>
      </c>
      <c r="BC180" s="11">
        <v>0</v>
      </c>
      <c r="BD180" s="11">
        <v>0</v>
      </c>
      <c r="BE180" s="11">
        <v>0</v>
      </c>
      <c r="BF180" s="11">
        <v>0</v>
      </c>
      <c r="BG180" s="11">
        <v>0</v>
      </c>
      <c r="BH180" s="11">
        <v>0</v>
      </c>
      <c r="BI180" s="11">
        <v>0</v>
      </c>
      <c r="BJ180" s="11">
        <v>0</v>
      </c>
      <c r="BK180" s="11">
        <v>0</v>
      </c>
      <c r="BL180" s="11">
        <v>0</v>
      </c>
      <c r="BM180" s="83">
        <v>0</v>
      </c>
      <c r="BN180" s="83">
        <v>0</v>
      </c>
    </row>
    <row r="181" spans="1:66" x14ac:dyDescent="0.3">
      <c r="A181" s="78" t="s">
        <v>103</v>
      </c>
      <c r="B181" s="79">
        <v>78</v>
      </c>
      <c r="C181" s="80"/>
      <c r="D181" t="s">
        <v>546</v>
      </c>
      <c r="E181">
        <v>697</v>
      </c>
      <c r="G181" s="78" t="s">
        <v>103</v>
      </c>
      <c r="H181" s="79">
        <v>78</v>
      </c>
      <c r="I181" s="81" t="s">
        <v>385</v>
      </c>
      <c r="J181" s="81">
        <v>559</v>
      </c>
      <c r="K181" s="82">
        <v>49</v>
      </c>
      <c r="L181" s="11">
        <v>78</v>
      </c>
      <c r="M181" s="11">
        <v>559</v>
      </c>
      <c r="N181" s="11">
        <v>52</v>
      </c>
      <c r="O181" s="11" t="s">
        <v>204</v>
      </c>
      <c r="P181" s="11">
        <v>0</v>
      </c>
      <c r="Q181" s="11">
        <v>0</v>
      </c>
      <c r="R181" s="11">
        <v>0</v>
      </c>
      <c r="S181" s="11">
        <v>0</v>
      </c>
      <c r="T181" s="11">
        <v>0</v>
      </c>
      <c r="U181" s="11">
        <v>0</v>
      </c>
      <c r="V181" s="11">
        <v>0</v>
      </c>
      <c r="W181" s="11">
        <v>0</v>
      </c>
      <c r="X181" s="11" t="s">
        <v>256</v>
      </c>
      <c r="Y181" s="11" t="s">
        <v>256</v>
      </c>
      <c r="Z181" s="11" t="s">
        <v>256</v>
      </c>
      <c r="AA181" s="11">
        <v>0</v>
      </c>
      <c r="AB181" s="11">
        <v>0</v>
      </c>
      <c r="AC181" s="11">
        <v>0</v>
      </c>
      <c r="AD181" s="11">
        <v>0</v>
      </c>
      <c r="AE181" s="11">
        <v>0</v>
      </c>
      <c r="AF181" s="11" t="s">
        <v>747</v>
      </c>
      <c r="AG181" s="11" t="s">
        <v>747</v>
      </c>
      <c r="AH181" s="11" t="s">
        <v>747</v>
      </c>
      <c r="AI181" s="11">
        <v>0</v>
      </c>
      <c r="AJ181" s="11">
        <v>0</v>
      </c>
      <c r="AK181" s="11">
        <v>0</v>
      </c>
      <c r="AL181" s="11">
        <v>0</v>
      </c>
      <c r="AM181" s="11">
        <v>0</v>
      </c>
      <c r="AN181" s="83">
        <v>31369.94</v>
      </c>
      <c r="AO181" s="83">
        <v>23955.23</v>
      </c>
      <c r="AP181" s="83">
        <v>15970.15</v>
      </c>
      <c r="AQ181" s="83">
        <v>0</v>
      </c>
      <c r="AR181" s="83">
        <v>0</v>
      </c>
      <c r="AS181" s="83">
        <v>0</v>
      </c>
      <c r="AT181" s="83">
        <v>0</v>
      </c>
      <c r="AU181" s="83">
        <v>0</v>
      </c>
      <c r="AV181" s="11" t="s">
        <v>727</v>
      </c>
      <c r="AW181" s="11" t="s">
        <v>727</v>
      </c>
      <c r="AX181" s="11" t="s">
        <v>727</v>
      </c>
      <c r="AY181" s="11">
        <v>0</v>
      </c>
      <c r="AZ181" s="11">
        <v>0</v>
      </c>
      <c r="BA181" s="11">
        <v>0</v>
      </c>
      <c r="BB181" s="11">
        <v>0</v>
      </c>
      <c r="BC181" s="11">
        <v>0</v>
      </c>
      <c r="BD181" s="11">
        <v>5537.5</v>
      </c>
      <c r="BE181" s="11">
        <v>0</v>
      </c>
      <c r="BF181" s="11">
        <v>0</v>
      </c>
      <c r="BG181" s="11">
        <v>0</v>
      </c>
      <c r="BH181" s="11">
        <v>0</v>
      </c>
      <c r="BI181" s="11">
        <v>0</v>
      </c>
      <c r="BJ181" s="11">
        <v>0</v>
      </c>
      <c r="BK181" s="11">
        <v>0</v>
      </c>
      <c r="BL181" s="11">
        <v>52</v>
      </c>
      <c r="BM181" s="83">
        <v>71295.319999999992</v>
      </c>
      <c r="BN181" s="83">
        <v>5537.5</v>
      </c>
    </row>
    <row r="182" spans="1:66" x14ac:dyDescent="0.3">
      <c r="A182" s="78" t="s">
        <v>103</v>
      </c>
      <c r="B182" s="79">
        <v>78</v>
      </c>
      <c r="C182" s="80"/>
      <c r="D182" t="s">
        <v>545</v>
      </c>
      <c r="E182">
        <v>698</v>
      </c>
      <c r="G182" s="78" t="s">
        <v>103</v>
      </c>
      <c r="H182" s="79">
        <v>78</v>
      </c>
      <c r="I182" s="81" t="s">
        <v>470</v>
      </c>
      <c r="J182" s="81">
        <v>589</v>
      </c>
      <c r="K182" s="82">
        <v>4</v>
      </c>
      <c r="L182" s="11">
        <v>78</v>
      </c>
      <c r="M182" s="11">
        <v>589</v>
      </c>
      <c r="N182" s="11">
        <v>9</v>
      </c>
      <c r="O182" s="11" t="s">
        <v>204</v>
      </c>
      <c r="P182" s="11">
        <v>10</v>
      </c>
      <c r="Q182" s="11">
        <v>11</v>
      </c>
      <c r="R182" s="11">
        <v>12</v>
      </c>
      <c r="S182" s="11">
        <v>0</v>
      </c>
      <c r="T182" s="11">
        <v>0</v>
      </c>
      <c r="U182" s="11">
        <v>0</v>
      </c>
      <c r="V182" s="11">
        <v>0</v>
      </c>
      <c r="W182" s="11">
        <v>0</v>
      </c>
      <c r="X182" s="11" t="s">
        <v>256</v>
      </c>
      <c r="Y182" s="11" t="s">
        <v>256</v>
      </c>
      <c r="Z182" s="11" t="s">
        <v>256</v>
      </c>
      <c r="AA182" s="11">
        <v>0</v>
      </c>
      <c r="AB182" s="11">
        <v>0</v>
      </c>
      <c r="AC182" s="11">
        <v>0</v>
      </c>
      <c r="AD182" s="11">
        <v>0</v>
      </c>
      <c r="AE182" s="11">
        <v>0</v>
      </c>
      <c r="AF182" s="11" t="s">
        <v>743</v>
      </c>
      <c r="AG182" s="11" t="s">
        <v>744</v>
      </c>
      <c r="AH182" s="11" t="s">
        <v>748</v>
      </c>
      <c r="AI182" s="11">
        <v>0</v>
      </c>
      <c r="AJ182" s="11">
        <v>0</v>
      </c>
      <c r="AK182" s="11">
        <v>0</v>
      </c>
      <c r="AL182" s="11">
        <v>0</v>
      </c>
      <c r="AM182" s="11">
        <v>0</v>
      </c>
      <c r="AN182" s="83">
        <v>6540.51</v>
      </c>
      <c r="AO182" s="83">
        <v>17110.88</v>
      </c>
      <c r="AP182" s="83">
        <v>0</v>
      </c>
      <c r="AQ182" s="83">
        <v>0</v>
      </c>
      <c r="AR182" s="83">
        <v>0</v>
      </c>
      <c r="AS182" s="83">
        <v>0</v>
      </c>
      <c r="AT182" s="83">
        <v>0</v>
      </c>
      <c r="AU182" s="83">
        <v>0</v>
      </c>
      <c r="AV182" s="11">
        <v>0</v>
      </c>
      <c r="AW182" s="11">
        <v>0</v>
      </c>
      <c r="AX182" s="11">
        <v>0</v>
      </c>
      <c r="AY182" s="11">
        <v>0</v>
      </c>
      <c r="AZ182" s="11">
        <v>0</v>
      </c>
      <c r="BA182" s="11">
        <v>0</v>
      </c>
      <c r="BB182" s="11">
        <v>0</v>
      </c>
      <c r="BC182" s="11">
        <v>0</v>
      </c>
      <c r="BD182" s="11">
        <v>996.75</v>
      </c>
      <c r="BE182" s="11">
        <v>0</v>
      </c>
      <c r="BF182" s="11">
        <v>0</v>
      </c>
      <c r="BG182" s="11">
        <v>0</v>
      </c>
      <c r="BH182" s="11">
        <v>0</v>
      </c>
      <c r="BI182" s="11">
        <v>0</v>
      </c>
      <c r="BJ182" s="11">
        <v>0</v>
      </c>
      <c r="BK182" s="11">
        <v>0</v>
      </c>
      <c r="BL182" s="11">
        <v>9</v>
      </c>
      <c r="BM182" s="83">
        <v>23651.39</v>
      </c>
      <c r="BN182" s="83">
        <v>996.75</v>
      </c>
    </row>
    <row r="183" spans="1:66" x14ac:dyDescent="0.3">
      <c r="A183" s="78" t="s">
        <v>103</v>
      </c>
      <c r="B183" s="79">
        <v>78</v>
      </c>
      <c r="C183" s="80"/>
      <c r="D183" t="s">
        <v>543</v>
      </c>
      <c r="E183">
        <v>699</v>
      </c>
      <c r="G183" s="78" t="s">
        <v>103</v>
      </c>
      <c r="H183" s="79">
        <v>78</v>
      </c>
      <c r="I183" s="81" t="s">
        <v>65</v>
      </c>
      <c r="J183" s="81">
        <v>588</v>
      </c>
      <c r="K183" s="82"/>
      <c r="L183" s="11">
        <v>78</v>
      </c>
      <c r="M183" s="11">
        <v>588</v>
      </c>
      <c r="N183" s="11">
        <v>6</v>
      </c>
      <c r="O183" s="11" t="s">
        <v>204</v>
      </c>
      <c r="P183" s="11">
        <v>10</v>
      </c>
      <c r="Q183" s="11">
        <v>11</v>
      </c>
      <c r="R183" s="11">
        <v>0</v>
      </c>
      <c r="S183" s="11">
        <v>0</v>
      </c>
      <c r="T183" s="11">
        <v>0</v>
      </c>
      <c r="U183" s="11">
        <v>0</v>
      </c>
      <c r="V183" s="11">
        <v>0</v>
      </c>
      <c r="W183" s="11">
        <v>0</v>
      </c>
      <c r="X183" s="11" t="s">
        <v>256</v>
      </c>
      <c r="Y183" s="11" t="s">
        <v>256</v>
      </c>
      <c r="Z183" s="11">
        <v>0</v>
      </c>
      <c r="AA183" s="11">
        <v>0</v>
      </c>
      <c r="AB183" s="11">
        <v>0</v>
      </c>
      <c r="AC183" s="11">
        <v>0</v>
      </c>
      <c r="AD183" s="11">
        <v>0</v>
      </c>
      <c r="AE183" s="11">
        <v>0</v>
      </c>
      <c r="AF183" s="11" t="s">
        <v>749</v>
      </c>
      <c r="AG183" s="11" t="s">
        <v>744</v>
      </c>
      <c r="AH183" s="11">
        <v>0</v>
      </c>
      <c r="AI183" s="11">
        <v>0</v>
      </c>
      <c r="AJ183" s="11">
        <v>0</v>
      </c>
      <c r="AK183" s="11">
        <v>0</v>
      </c>
      <c r="AL183" s="11">
        <v>0</v>
      </c>
      <c r="AM183" s="11">
        <v>0</v>
      </c>
      <c r="AN183" s="83">
        <v>6944.35</v>
      </c>
      <c r="AO183" s="83">
        <v>6344.35</v>
      </c>
      <c r="AP183" s="83">
        <v>0</v>
      </c>
      <c r="AQ183" s="83">
        <v>0</v>
      </c>
      <c r="AR183" s="83">
        <v>0</v>
      </c>
      <c r="AS183" s="83">
        <v>0</v>
      </c>
      <c r="AT183" s="83">
        <v>0</v>
      </c>
      <c r="AU183" s="83">
        <v>0</v>
      </c>
      <c r="AV183" s="11">
        <v>0</v>
      </c>
      <c r="AW183" s="11">
        <v>0</v>
      </c>
      <c r="AX183" s="11">
        <v>0</v>
      </c>
      <c r="AY183" s="11">
        <v>0</v>
      </c>
      <c r="AZ183" s="11">
        <v>0</v>
      </c>
      <c r="BA183" s="11">
        <v>0</v>
      </c>
      <c r="BB183" s="11">
        <v>0</v>
      </c>
      <c r="BC183" s="11">
        <v>0</v>
      </c>
      <c r="BD183" s="11">
        <v>996.75</v>
      </c>
      <c r="BE183" s="11">
        <v>0</v>
      </c>
      <c r="BF183" s="11">
        <v>0</v>
      </c>
      <c r="BG183" s="11">
        <v>0</v>
      </c>
      <c r="BH183" s="11">
        <v>0</v>
      </c>
      <c r="BI183" s="11">
        <v>0</v>
      </c>
      <c r="BJ183" s="11">
        <v>0</v>
      </c>
      <c r="BK183" s="11">
        <v>0</v>
      </c>
      <c r="BL183" s="11">
        <v>6</v>
      </c>
      <c r="BM183" s="83">
        <v>13288.7</v>
      </c>
      <c r="BN183" s="83">
        <v>996.75</v>
      </c>
    </row>
    <row r="184" spans="1:66" x14ac:dyDescent="0.3">
      <c r="A184" s="78" t="s">
        <v>104</v>
      </c>
      <c r="B184" s="79">
        <v>79</v>
      </c>
      <c r="C184" s="80"/>
      <c r="D184" t="s">
        <v>700</v>
      </c>
      <c r="E184">
        <v>700</v>
      </c>
      <c r="G184" s="78" t="s">
        <v>104</v>
      </c>
      <c r="H184" s="79">
        <v>79</v>
      </c>
      <c r="I184" s="81" t="s">
        <v>567</v>
      </c>
      <c r="J184" s="81">
        <v>642</v>
      </c>
      <c r="K184" s="82">
        <v>402</v>
      </c>
      <c r="L184" s="11">
        <v>79</v>
      </c>
      <c r="M184" s="11">
        <v>642</v>
      </c>
      <c r="N184" s="11">
        <v>0</v>
      </c>
      <c r="O184" s="11" t="s">
        <v>204</v>
      </c>
      <c r="P184" s="11">
        <v>14</v>
      </c>
      <c r="Q184" s="11">
        <v>16</v>
      </c>
      <c r="R184" s="11">
        <v>5</v>
      </c>
      <c r="S184" s="11">
        <v>20</v>
      </c>
      <c r="T184" s="11">
        <v>9</v>
      </c>
      <c r="U184" s="11">
        <v>8</v>
      </c>
      <c r="V184" s="11">
        <v>5</v>
      </c>
      <c r="W184" s="11">
        <v>0</v>
      </c>
      <c r="X184" s="11" t="s">
        <v>256</v>
      </c>
      <c r="Y184" s="11" t="s">
        <v>256</v>
      </c>
      <c r="Z184" s="11" t="s">
        <v>256</v>
      </c>
      <c r="AA184" s="11" t="s">
        <v>750</v>
      </c>
      <c r="AB184" s="11" t="s">
        <v>256</v>
      </c>
      <c r="AC184" s="11" t="s">
        <v>256</v>
      </c>
      <c r="AD184" s="11">
        <v>0</v>
      </c>
      <c r="AE184" s="11">
        <v>0</v>
      </c>
      <c r="AF184" s="11" t="s">
        <v>751</v>
      </c>
      <c r="AG184" s="11" t="s">
        <v>752</v>
      </c>
      <c r="AH184" s="11" t="s">
        <v>753</v>
      </c>
      <c r="AI184" s="11" t="s">
        <v>754</v>
      </c>
      <c r="AJ184" s="11" t="s">
        <v>755</v>
      </c>
      <c r="AK184" s="11" t="s">
        <v>756</v>
      </c>
      <c r="AL184" s="11" t="s">
        <v>757</v>
      </c>
      <c r="AM184" s="11">
        <v>0</v>
      </c>
      <c r="AN184" s="83">
        <v>0</v>
      </c>
      <c r="AO184" s="83">
        <v>0</v>
      </c>
      <c r="AP184" s="83">
        <v>236985</v>
      </c>
      <c r="AQ184" s="83">
        <v>1015</v>
      </c>
      <c r="AR184" s="83">
        <v>0</v>
      </c>
      <c r="AS184" s="83">
        <v>0</v>
      </c>
      <c r="AT184" s="83">
        <v>0</v>
      </c>
      <c r="AU184" s="83">
        <v>0</v>
      </c>
      <c r="AV184" s="11" t="s">
        <v>758</v>
      </c>
      <c r="AW184" s="11" t="s">
        <v>758</v>
      </c>
      <c r="AX184" s="11" t="s">
        <v>758</v>
      </c>
      <c r="AY184" s="11">
        <v>0</v>
      </c>
      <c r="AZ184" s="11" t="s">
        <v>759</v>
      </c>
      <c r="BA184" s="11" t="s">
        <v>759</v>
      </c>
      <c r="BB184" s="11" t="s">
        <v>759</v>
      </c>
      <c r="BC184" s="11">
        <v>0</v>
      </c>
      <c r="BD184" s="11">
        <v>17180</v>
      </c>
      <c r="BE184" s="11">
        <v>19634</v>
      </c>
      <c r="BF184" s="11">
        <v>6136</v>
      </c>
      <c r="BG184" s="11">
        <v>24543</v>
      </c>
      <c r="BH184" s="11">
        <v>11044</v>
      </c>
      <c r="BI184" s="11">
        <v>9817</v>
      </c>
      <c r="BJ184" s="11">
        <v>6135</v>
      </c>
      <c r="BK184" s="11">
        <v>0</v>
      </c>
      <c r="BL184" s="11">
        <v>464</v>
      </c>
      <c r="BM184" s="83">
        <v>238000</v>
      </c>
      <c r="BN184" s="83">
        <v>94489</v>
      </c>
    </row>
    <row r="185" spans="1:66" x14ac:dyDescent="0.3">
      <c r="A185" s="78" t="s">
        <v>104</v>
      </c>
      <c r="B185" s="79">
        <v>79</v>
      </c>
      <c r="C185" s="80"/>
      <c r="D185" t="s">
        <v>700</v>
      </c>
      <c r="E185">
        <v>700</v>
      </c>
      <c r="G185" s="78" t="s">
        <v>104</v>
      </c>
      <c r="H185" s="79">
        <v>79</v>
      </c>
      <c r="I185" s="81" t="s">
        <v>639</v>
      </c>
      <c r="J185" s="81">
        <v>645</v>
      </c>
      <c r="K185" s="82">
        <v>21</v>
      </c>
    </row>
    <row r="186" spans="1:66" x14ac:dyDescent="0.3">
      <c r="A186" s="78" t="s">
        <v>104</v>
      </c>
      <c r="B186" s="79">
        <v>79</v>
      </c>
      <c r="C186" s="80"/>
      <c r="D186" t="s">
        <v>728</v>
      </c>
      <c r="E186">
        <v>701</v>
      </c>
      <c r="G186" s="78" t="s">
        <v>104</v>
      </c>
      <c r="H186" s="79">
        <v>79</v>
      </c>
      <c r="I186" s="81" t="s">
        <v>643</v>
      </c>
      <c r="J186" s="81">
        <v>647</v>
      </c>
      <c r="K186" s="82">
        <v>54</v>
      </c>
      <c r="L186" s="11">
        <v>79</v>
      </c>
      <c r="M186" s="11">
        <v>647</v>
      </c>
      <c r="N186" s="11">
        <v>595</v>
      </c>
      <c r="O186" s="11" t="s">
        <v>204</v>
      </c>
      <c r="P186" s="11">
        <v>8.5</v>
      </c>
      <c r="Q186" s="11">
        <v>9</v>
      </c>
      <c r="R186" s="11">
        <v>0</v>
      </c>
      <c r="S186" s="11">
        <v>0</v>
      </c>
      <c r="T186" s="11">
        <v>0</v>
      </c>
      <c r="U186" s="11">
        <v>0</v>
      </c>
      <c r="V186" s="11">
        <v>0</v>
      </c>
      <c r="W186" s="11">
        <v>0</v>
      </c>
      <c r="X186" s="11" t="s">
        <v>256</v>
      </c>
      <c r="Y186" s="11" t="s">
        <v>256</v>
      </c>
      <c r="Z186" s="11">
        <v>0</v>
      </c>
      <c r="AA186" s="11">
        <v>0</v>
      </c>
      <c r="AB186" s="11">
        <v>0</v>
      </c>
      <c r="AC186" s="11">
        <v>0</v>
      </c>
      <c r="AD186" s="11">
        <v>0</v>
      </c>
      <c r="AE186" s="11">
        <v>0</v>
      </c>
      <c r="AF186" s="11" t="s">
        <v>760</v>
      </c>
      <c r="AG186" s="11" t="s">
        <v>760</v>
      </c>
      <c r="AH186" s="11">
        <v>0</v>
      </c>
      <c r="AI186" s="11">
        <v>0</v>
      </c>
      <c r="AJ186" s="11">
        <v>0</v>
      </c>
      <c r="AK186" s="11">
        <v>0</v>
      </c>
      <c r="AL186" s="11">
        <v>0</v>
      </c>
      <c r="AM186" s="11">
        <v>0</v>
      </c>
      <c r="AN186" s="83">
        <v>23474</v>
      </c>
      <c r="AO186" s="83">
        <v>27336</v>
      </c>
      <c r="AP186" s="83">
        <v>0</v>
      </c>
      <c r="AQ186" s="83">
        <v>0</v>
      </c>
      <c r="AR186" s="83">
        <v>0</v>
      </c>
      <c r="AS186" s="83">
        <v>0</v>
      </c>
      <c r="AT186" s="83">
        <v>0</v>
      </c>
      <c r="AU186" s="83">
        <v>0</v>
      </c>
      <c r="AV186" s="11" t="s">
        <v>761</v>
      </c>
      <c r="AW186" s="11" t="s">
        <v>762</v>
      </c>
      <c r="AX186" s="11" t="s">
        <v>763</v>
      </c>
      <c r="AY186" s="11">
        <v>0</v>
      </c>
      <c r="AZ186" s="11">
        <v>0</v>
      </c>
      <c r="BA186" s="11">
        <v>0</v>
      </c>
      <c r="BB186" s="11">
        <v>0</v>
      </c>
      <c r="BC186" s="11">
        <v>0</v>
      </c>
      <c r="BD186" s="11">
        <v>35768</v>
      </c>
      <c r="BE186" s="11">
        <v>35767</v>
      </c>
      <c r="BF186" s="11">
        <v>3200</v>
      </c>
      <c r="BG186" s="11">
        <v>0</v>
      </c>
      <c r="BH186" s="11">
        <v>0</v>
      </c>
      <c r="BI186" s="11">
        <v>0</v>
      </c>
      <c r="BJ186" s="11">
        <v>0</v>
      </c>
      <c r="BK186" s="11">
        <v>0</v>
      </c>
      <c r="BL186" s="11">
        <v>63</v>
      </c>
      <c r="BM186" s="83">
        <v>50810</v>
      </c>
      <c r="BN186" s="83">
        <v>74735</v>
      </c>
    </row>
    <row r="187" spans="1:66" x14ac:dyDescent="0.3">
      <c r="A187" s="78" t="s">
        <v>104</v>
      </c>
      <c r="B187" s="79">
        <v>79</v>
      </c>
      <c r="C187" s="80"/>
      <c r="D187" t="s">
        <v>693</v>
      </c>
      <c r="E187">
        <v>702</v>
      </c>
      <c r="G187" s="78" t="s">
        <v>104</v>
      </c>
      <c r="H187" s="79">
        <v>79</v>
      </c>
      <c r="I187" s="81" t="s">
        <v>584</v>
      </c>
      <c r="J187" s="81">
        <v>650</v>
      </c>
      <c r="K187" s="82">
        <v>50</v>
      </c>
      <c r="L187" s="11">
        <v>79</v>
      </c>
      <c r="M187" s="11">
        <v>650</v>
      </c>
      <c r="N187" s="11">
        <v>595</v>
      </c>
      <c r="O187" s="11" t="s">
        <v>204</v>
      </c>
      <c r="P187" s="11">
        <v>11.8</v>
      </c>
      <c r="Q187" s="11">
        <v>11.1</v>
      </c>
      <c r="R187" s="11">
        <v>0</v>
      </c>
      <c r="S187" s="11">
        <v>0</v>
      </c>
      <c r="T187" s="11">
        <v>0</v>
      </c>
      <c r="U187" s="11">
        <v>0</v>
      </c>
      <c r="V187" s="11">
        <v>0</v>
      </c>
      <c r="W187" s="11">
        <v>0</v>
      </c>
      <c r="X187" s="11" t="s">
        <v>764</v>
      </c>
      <c r="Y187" s="11" t="s">
        <v>764</v>
      </c>
      <c r="Z187" s="11">
        <v>0</v>
      </c>
      <c r="AA187" s="11">
        <v>0</v>
      </c>
      <c r="AB187" s="11">
        <v>0</v>
      </c>
      <c r="AC187" s="11">
        <v>0</v>
      </c>
      <c r="AD187" s="11">
        <v>0</v>
      </c>
      <c r="AE187" s="11">
        <v>0</v>
      </c>
      <c r="AF187" s="11" t="s">
        <v>765</v>
      </c>
      <c r="AG187" s="11" t="s">
        <v>765</v>
      </c>
      <c r="AH187" s="11">
        <v>0</v>
      </c>
      <c r="AI187" s="11">
        <v>0</v>
      </c>
      <c r="AJ187" s="11">
        <v>0</v>
      </c>
      <c r="AK187" s="11">
        <v>0</v>
      </c>
      <c r="AL187" s="11">
        <v>0</v>
      </c>
      <c r="AM187" s="11">
        <v>0</v>
      </c>
      <c r="AN187" s="83">
        <v>0</v>
      </c>
      <c r="AO187" s="83">
        <v>0</v>
      </c>
      <c r="AP187" s="83">
        <v>0</v>
      </c>
      <c r="AQ187" s="83">
        <v>0</v>
      </c>
      <c r="AR187" s="83">
        <v>0</v>
      </c>
      <c r="AS187" s="83">
        <v>0</v>
      </c>
      <c r="AT187" s="83">
        <v>0</v>
      </c>
      <c r="AU187" s="83">
        <v>0</v>
      </c>
      <c r="AV187" s="11" t="s">
        <v>766</v>
      </c>
      <c r="AW187" s="11" t="s">
        <v>766</v>
      </c>
      <c r="AX187" s="11">
        <v>0</v>
      </c>
      <c r="AY187" s="11">
        <v>0</v>
      </c>
      <c r="AZ187" s="11">
        <v>0</v>
      </c>
      <c r="BA187" s="11">
        <v>0</v>
      </c>
      <c r="BB187" s="11">
        <v>0</v>
      </c>
      <c r="BC187" s="11">
        <v>0</v>
      </c>
      <c r="BD187" s="11">
        <v>176700</v>
      </c>
      <c r="BE187" s="11">
        <v>176700</v>
      </c>
      <c r="BF187" s="11">
        <v>0</v>
      </c>
      <c r="BG187" s="11">
        <v>0</v>
      </c>
      <c r="BH187" s="11">
        <v>0</v>
      </c>
      <c r="BI187" s="11">
        <v>0</v>
      </c>
      <c r="BJ187" s="11">
        <v>0</v>
      </c>
      <c r="BK187" s="11">
        <v>0</v>
      </c>
      <c r="BL187" s="11">
        <v>42</v>
      </c>
      <c r="BM187" s="83">
        <v>0</v>
      </c>
      <c r="BN187" s="83">
        <v>0</v>
      </c>
    </row>
    <row r="188" spans="1:66" x14ac:dyDescent="0.3">
      <c r="A188" s="78" t="s">
        <v>104</v>
      </c>
      <c r="B188" s="79">
        <v>79</v>
      </c>
      <c r="C188" s="80"/>
      <c r="D188" t="s">
        <v>703</v>
      </c>
      <c r="E188">
        <v>704</v>
      </c>
      <c r="G188" s="78" t="s">
        <v>104</v>
      </c>
      <c r="H188" s="79">
        <v>79</v>
      </c>
      <c r="I188" s="81" t="s">
        <v>620</v>
      </c>
      <c r="J188" s="81">
        <v>641</v>
      </c>
      <c r="K188" s="82">
        <v>3</v>
      </c>
    </row>
    <row r="189" spans="1:66" x14ac:dyDescent="0.3">
      <c r="A189" s="78" t="s">
        <v>104</v>
      </c>
      <c r="B189" s="79">
        <v>79</v>
      </c>
      <c r="C189" s="80"/>
      <c r="D189" t="s">
        <v>705</v>
      </c>
      <c r="E189">
        <v>705</v>
      </c>
      <c r="G189" s="78" t="s">
        <v>104</v>
      </c>
      <c r="H189" s="79">
        <v>79</v>
      </c>
      <c r="I189" s="81" t="s">
        <v>630</v>
      </c>
      <c r="J189" s="81">
        <v>643</v>
      </c>
      <c r="K189" s="82">
        <v>2</v>
      </c>
    </row>
    <row r="190" spans="1:66" x14ac:dyDescent="0.3">
      <c r="A190" s="78" t="s">
        <v>105</v>
      </c>
      <c r="B190" s="79">
        <v>81</v>
      </c>
      <c r="C190" s="80"/>
      <c r="D190" t="s">
        <v>713</v>
      </c>
      <c r="E190">
        <v>706</v>
      </c>
      <c r="G190" s="78" t="s">
        <v>105</v>
      </c>
      <c r="H190" s="79">
        <v>81</v>
      </c>
      <c r="I190" s="81" t="s">
        <v>327</v>
      </c>
      <c r="J190" s="81">
        <v>543</v>
      </c>
      <c r="K190" s="82">
        <v>28</v>
      </c>
      <c r="L190" s="11">
        <v>81</v>
      </c>
      <c r="M190" s="11">
        <v>543</v>
      </c>
      <c r="N190" s="11">
        <v>28</v>
      </c>
      <c r="O190" s="11" t="s">
        <v>204</v>
      </c>
      <c r="P190" s="11">
        <v>105</v>
      </c>
      <c r="Q190" s="11">
        <v>105</v>
      </c>
      <c r="R190" s="11">
        <v>105</v>
      </c>
      <c r="S190" s="11">
        <v>105</v>
      </c>
      <c r="T190" s="11">
        <v>0</v>
      </c>
      <c r="U190" s="11">
        <v>0</v>
      </c>
      <c r="V190" s="11">
        <v>0</v>
      </c>
      <c r="W190" s="11">
        <v>0</v>
      </c>
      <c r="X190" s="11" t="s">
        <v>256</v>
      </c>
      <c r="Y190" s="11" t="s">
        <v>256</v>
      </c>
      <c r="Z190" s="11" t="s">
        <v>256</v>
      </c>
      <c r="AA190" s="11" t="s">
        <v>256</v>
      </c>
      <c r="AB190" s="11">
        <v>0</v>
      </c>
      <c r="AC190" s="11">
        <v>0</v>
      </c>
      <c r="AD190" s="11">
        <v>0</v>
      </c>
      <c r="AE190" s="11">
        <v>0</v>
      </c>
      <c r="AF190" s="11">
        <v>0</v>
      </c>
      <c r="AG190" s="11">
        <v>0</v>
      </c>
      <c r="AH190" s="11">
        <v>0</v>
      </c>
      <c r="AI190" s="11">
        <v>0</v>
      </c>
      <c r="AJ190" s="11">
        <v>0</v>
      </c>
      <c r="AK190" s="11">
        <v>0</v>
      </c>
      <c r="AL190" s="11">
        <v>0</v>
      </c>
      <c r="AM190" s="11">
        <v>0</v>
      </c>
      <c r="AN190" s="83">
        <v>0</v>
      </c>
      <c r="AO190" s="83">
        <v>0</v>
      </c>
      <c r="AP190" s="83">
        <v>0</v>
      </c>
      <c r="AQ190" s="83">
        <v>0</v>
      </c>
      <c r="AR190" s="83">
        <v>0</v>
      </c>
      <c r="AS190" s="83">
        <v>0</v>
      </c>
      <c r="AT190" s="83">
        <v>0</v>
      </c>
      <c r="AU190" s="83">
        <v>0</v>
      </c>
      <c r="AV190" s="11">
        <v>0</v>
      </c>
      <c r="AW190" s="11">
        <v>0</v>
      </c>
      <c r="AX190" s="11">
        <v>0</v>
      </c>
      <c r="AY190" s="11">
        <v>0</v>
      </c>
      <c r="AZ190" s="11">
        <v>0</v>
      </c>
      <c r="BA190" s="11">
        <v>0</v>
      </c>
      <c r="BB190" s="11">
        <v>0</v>
      </c>
      <c r="BC190" s="11">
        <v>0</v>
      </c>
      <c r="BD190" s="11">
        <v>0</v>
      </c>
      <c r="BE190" s="11">
        <v>0</v>
      </c>
      <c r="BF190" s="11">
        <v>0</v>
      </c>
      <c r="BG190" s="11">
        <v>0</v>
      </c>
      <c r="BH190" s="11">
        <v>0</v>
      </c>
      <c r="BI190" s="11">
        <v>0</v>
      </c>
      <c r="BJ190" s="11">
        <v>0</v>
      </c>
      <c r="BK190" s="11">
        <v>0</v>
      </c>
      <c r="BL190" s="11">
        <v>28</v>
      </c>
      <c r="BM190" s="83">
        <v>0</v>
      </c>
      <c r="BN190" s="83">
        <v>138672</v>
      </c>
    </row>
    <row r="191" spans="1:66" x14ac:dyDescent="0.3">
      <c r="A191" s="78" t="s">
        <v>105</v>
      </c>
      <c r="B191" s="79">
        <v>81</v>
      </c>
      <c r="C191" s="80"/>
      <c r="D191" t="s">
        <v>741</v>
      </c>
      <c r="E191">
        <v>708</v>
      </c>
      <c r="G191" s="78" t="s">
        <v>105</v>
      </c>
      <c r="H191" s="79">
        <v>81</v>
      </c>
      <c r="I191" s="81" t="s">
        <v>336</v>
      </c>
      <c r="J191" s="81">
        <v>544</v>
      </c>
      <c r="K191" s="82">
        <v>6</v>
      </c>
      <c r="L191" s="11">
        <v>81</v>
      </c>
      <c r="M191" s="11">
        <v>544</v>
      </c>
      <c r="N191" s="11">
        <v>7</v>
      </c>
      <c r="O191" s="11" t="s">
        <v>204</v>
      </c>
      <c r="P191" s="11">
        <v>182</v>
      </c>
      <c r="Q191" s="11">
        <v>182</v>
      </c>
      <c r="R191" s="11">
        <v>182</v>
      </c>
      <c r="S191" s="11">
        <v>182</v>
      </c>
      <c r="T191" s="11">
        <v>0</v>
      </c>
      <c r="U191" s="11">
        <v>0</v>
      </c>
      <c r="V191" s="11">
        <v>0</v>
      </c>
      <c r="W191" s="11">
        <v>0</v>
      </c>
      <c r="X191" s="11" t="s">
        <v>256</v>
      </c>
      <c r="Y191" s="11" t="s">
        <v>256</v>
      </c>
      <c r="Z191" s="11" t="s">
        <v>256</v>
      </c>
      <c r="AA191" s="11" t="s">
        <v>256</v>
      </c>
      <c r="AB191" s="11">
        <v>0</v>
      </c>
      <c r="AC191" s="11">
        <v>0</v>
      </c>
      <c r="AD191" s="11">
        <v>0</v>
      </c>
      <c r="AE191" s="11">
        <v>0</v>
      </c>
      <c r="AF191" s="11" t="s">
        <v>767</v>
      </c>
      <c r="AG191" s="11" t="s">
        <v>767</v>
      </c>
      <c r="AH191" s="11" t="s">
        <v>767</v>
      </c>
      <c r="AI191" s="11" t="s">
        <v>767</v>
      </c>
      <c r="AJ191" s="11">
        <v>0</v>
      </c>
      <c r="AK191" s="11">
        <v>0</v>
      </c>
      <c r="AL191" s="11">
        <v>0</v>
      </c>
      <c r="AM191" s="11">
        <v>0</v>
      </c>
      <c r="AN191" s="83">
        <v>0</v>
      </c>
      <c r="AO191" s="83">
        <v>39620.57</v>
      </c>
      <c r="AP191" s="83">
        <v>19818.259999999998</v>
      </c>
      <c r="AQ191" s="83">
        <v>79241.14</v>
      </c>
      <c r="AR191" s="83">
        <v>0</v>
      </c>
      <c r="AS191" s="83">
        <v>0</v>
      </c>
      <c r="AT191" s="83">
        <v>0</v>
      </c>
      <c r="AU191" s="83">
        <v>0</v>
      </c>
      <c r="AV191" s="11">
        <v>0</v>
      </c>
      <c r="AW191" s="11">
        <v>0</v>
      </c>
      <c r="AX191" s="11">
        <v>0</v>
      </c>
      <c r="AY191" s="11">
        <v>0</v>
      </c>
      <c r="AZ191" s="11">
        <v>0</v>
      </c>
      <c r="BA191" s="11">
        <v>0</v>
      </c>
      <c r="BB191" s="11">
        <v>0</v>
      </c>
      <c r="BC191" s="11">
        <v>0</v>
      </c>
      <c r="BD191" s="11">
        <v>23112</v>
      </c>
      <c r="BE191" s="11">
        <v>46224</v>
      </c>
      <c r="BF191" s="11">
        <v>23112</v>
      </c>
      <c r="BG191" s="11">
        <v>46224</v>
      </c>
      <c r="BH191" s="11">
        <v>0</v>
      </c>
      <c r="BI191" s="11">
        <v>0</v>
      </c>
      <c r="BJ191" s="11">
        <v>0</v>
      </c>
      <c r="BK191" s="11">
        <v>0</v>
      </c>
      <c r="BL191" s="11">
        <v>7</v>
      </c>
      <c r="BM191" s="83">
        <v>138679.97</v>
      </c>
      <c r="BN191" s="83">
        <v>0</v>
      </c>
    </row>
    <row r="192" spans="1:66" x14ac:dyDescent="0.3">
      <c r="A192" s="78" t="s">
        <v>168</v>
      </c>
      <c r="B192" s="79">
        <v>82</v>
      </c>
      <c r="C192" s="80"/>
      <c r="D192" t="s">
        <v>349</v>
      </c>
      <c r="E192">
        <v>709</v>
      </c>
      <c r="G192" s="78" t="s">
        <v>168</v>
      </c>
      <c r="H192" s="79">
        <v>82</v>
      </c>
      <c r="I192" s="81" t="s">
        <v>159</v>
      </c>
      <c r="J192" s="81">
        <v>1116</v>
      </c>
      <c r="K192" s="82">
        <v>224</v>
      </c>
      <c r="L192" s="11"/>
      <c r="M192" s="11"/>
      <c r="N192" s="11"/>
      <c r="O192" s="11"/>
      <c r="P192" s="11"/>
      <c r="Q192" s="11"/>
      <c r="R192" s="11"/>
      <c r="S192" s="11"/>
      <c r="T192" s="11"/>
      <c r="U192" s="11"/>
      <c r="V192" s="11"/>
      <c r="W192" s="11"/>
      <c r="X192" s="11"/>
      <c r="Y192" s="11"/>
      <c r="Z192" s="11"/>
      <c r="AA192" s="11"/>
      <c r="AB192" s="11"/>
      <c r="AC192" s="11"/>
      <c r="AD192" s="11"/>
      <c r="AE192" s="11"/>
      <c r="AF192" s="11"/>
      <c r="AG192" s="11"/>
      <c r="AH192" s="11"/>
      <c r="AI192" s="11"/>
      <c r="AJ192" s="11"/>
      <c r="AK192" s="11"/>
      <c r="AL192" s="11"/>
      <c r="AM192" s="11"/>
      <c r="AN192" s="83"/>
      <c r="AO192" s="83"/>
      <c r="AP192" s="83"/>
      <c r="AQ192" s="83"/>
      <c r="AR192" s="83"/>
      <c r="AS192" s="83"/>
      <c r="AT192" s="83"/>
      <c r="AU192" s="83"/>
      <c r="AV192" s="11"/>
      <c r="AW192" s="11"/>
      <c r="AX192" s="11"/>
      <c r="AY192" s="11"/>
      <c r="AZ192" s="11"/>
      <c r="BA192" s="11"/>
      <c r="BB192" s="11"/>
      <c r="BC192" s="11"/>
      <c r="BD192" s="11"/>
      <c r="BE192" s="11"/>
      <c r="BF192" s="11"/>
      <c r="BG192" s="11"/>
      <c r="BH192" s="11"/>
      <c r="BI192" s="11"/>
      <c r="BJ192" s="11"/>
      <c r="BK192" s="11"/>
      <c r="BL192" s="11"/>
      <c r="BM192" s="83"/>
      <c r="BN192" s="83"/>
    </row>
    <row r="193" spans="1:66" x14ac:dyDescent="0.3">
      <c r="A193" s="78" t="s">
        <v>168</v>
      </c>
      <c r="B193" s="79">
        <v>82</v>
      </c>
      <c r="C193" s="80"/>
      <c r="D193" t="s">
        <v>349</v>
      </c>
      <c r="E193">
        <v>709</v>
      </c>
      <c r="G193" s="78" t="s">
        <v>168</v>
      </c>
      <c r="H193" s="79">
        <v>82</v>
      </c>
      <c r="I193" s="81" t="s">
        <v>282</v>
      </c>
      <c r="J193" s="81">
        <v>535</v>
      </c>
      <c r="K193" s="82">
        <v>45</v>
      </c>
      <c r="L193" s="11">
        <v>82</v>
      </c>
      <c r="M193" s="11">
        <v>535</v>
      </c>
      <c r="N193" s="11">
        <v>41</v>
      </c>
      <c r="O193" s="11" t="s">
        <v>259</v>
      </c>
      <c r="P193" s="11">
        <v>21</v>
      </c>
      <c r="Q193" s="11">
        <v>0</v>
      </c>
      <c r="R193" s="11">
        <v>0</v>
      </c>
      <c r="S193" s="11">
        <v>0</v>
      </c>
      <c r="T193" s="11">
        <v>0</v>
      </c>
      <c r="U193" s="11">
        <v>0</v>
      </c>
      <c r="V193" s="11">
        <v>0</v>
      </c>
      <c r="W193" s="11">
        <v>0</v>
      </c>
      <c r="X193" s="11" t="s">
        <v>256</v>
      </c>
      <c r="Y193" s="11">
        <v>0</v>
      </c>
      <c r="Z193" s="11">
        <v>0</v>
      </c>
      <c r="AA193" s="11">
        <v>0</v>
      </c>
      <c r="AB193" s="11">
        <v>0</v>
      </c>
      <c r="AC193" s="11">
        <v>0</v>
      </c>
      <c r="AD193" s="11">
        <v>0</v>
      </c>
      <c r="AE193" s="11">
        <v>0</v>
      </c>
      <c r="AF193" s="11" t="s">
        <v>768</v>
      </c>
      <c r="AG193" s="11">
        <v>0</v>
      </c>
      <c r="AH193" s="11">
        <v>0</v>
      </c>
      <c r="AI193" s="11">
        <v>0</v>
      </c>
      <c r="AJ193" s="11">
        <v>0</v>
      </c>
      <c r="AK193" s="11">
        <v>0</v>
      </c>
      <c r="AL193" s="11">
        <v>0</v>
      </c>
      <c r="AM193" s="11">
        <v>0</v>
      </c>
      <c r="AN193" s="83">
        <v>98318</v>
      </c>
      <c r="AO193" s="83">
        <v>0</v>
      </c>
      <c r="AP193" s="83">
        <v>0</v>
      </c>
      <c r="AQ193" s="83">
        <v>0</v>
      </c>
      <c r="AR193" s="83">
        <v>0</v>
      </c>
      <c r="AS193" s="83">
        <v>0</v>
      </c>
      <c r="AT193" s="83">
        <v>0</v>
      </c>
      <c r="AU193" s="83">
        <v>0</v>
      </c>
      <c r="AV193" s="11">
        <v>0</v>
      </c>
      <c r="AW193" s="11">
        <v>0</v>
      </c>
      <c r="AX193" s="11">
        <v>0</v>
      </c>
      <c r="AY193" s="11">
        <v>0</v>
      </c>
      <c r="AZ193" s="11">
        <v>0</v>
      </c>
      <c r="BA193" s="11">
        <v>0</v>
      </c>
      <c r="BB193" s="11">
        <v>0</v>
      </c>
      <c r="BC193" s="11">
        <v>0</v>
      </c>
      <c r="BD193" s="11">
        <v>0</v>
      </c>
      <c r="BE193" s="11">
        <v>0</v>
      </c>
      <c r="BF193" s="11">
        <v>0</v>
      </c>
      <c r="BG193" s="11">
        <v>0</v>
      </c>
      <c r="BH193" s="11">
        <v>0</v>
      </c>
      <c r="BI193" s="11">
        <v>0</v>
      </c>
      <c r="BJ193" s="11">
        <v>0</v>
      </c>
      <c r="BK193" s="11">
        <v>0</v>
      </c>
      <c r="BL193" s="11">
        <v>41</v>
      </c>
      <c r="BM193" s="83">
        <v>98318</v>
      </c>
      <c r="BN193" s="83">
        <v>0</v>
      </c>
    </row>
    <row r="194" spans="1:66" x14ac:dyDescent="0.3">
      <c r="A194" s="78" t="s">
        <v>168</v>
      </c>
      <c r="B194" s="79">
        <v>82</v>
      </c>
      <c r="C194" s="80"/>
      <c r="D194" t="s">
        <v>316</v>
      </c>
      <c r="E194">
        <v>710</v>
      </c>
      <c r="G194" s="78" t="s">
        <v>168</v>
      </c>
      <c r="H194" s="79">
        <v>82</v>
      </c>
      <c r="I194" s="81" t="s">
        <v>284</v>
      </c>
      <c r="J194" s="81">
        <v>536</v>
      </c>
      <c r="K194" s="82">
        <v>91</v>
      </c>
      <c r="L194" s="11">
        <v>82</v>
      </c>
      <c r="M194" s="11">
        <v>536</v>
      </c>
      <c r="N194" s="11">
        <v>81</v>
      </c>
      <c r="O194" s="11" t="s">
        <v>259</v>
      </c>
      <c r="P194" s="11">
        <v>49</v>
      </c>
      <c r="Q194" s="11">
        <v>0</v>
      </c>
      <c r="R194" s="11">
        <v>0</v>
      </c>
      <c r="S194" s="11">
        <v>0</v>
      </c>
      <c r="T194" s="11">
        <v>0</v>
      </c>
      <c r="U194" s="11">
        <v>0</v>
      </c>
      <c r="V194" s="11">
        <v>0</v>
      </c>
      <c r="W194" s="11">
        <v>0</v>
      </c>
      <c r="X194" s="11" t="s">
        <v>256</v>
      </c>
      <c r="Y194" s="11">
        <v>0</v>
      </c>
      <c r="Z194" s="11">
        <v>0</v>
      </c>
      <c r="AA194" s="11">
        <v>0</v>
      </c>
      <c r="AB194" s="11">
        <v>0</v>
      </c>
      <c r="AC194" s="11">
        <v>0</v>
      </c>
      <c r="AD194" s="11">
        <v>0</v>
      </c>
      <c r="AE194" s="11">
        <v>0</v>
      </c>
      <c r="AF194" s="11" t="s">
        <v>769</v>
      </c>
      <c r="AG194" s="11">
        <v>0</v>
      </c>
      <c r="AH194" s="11">
        <v>0</v>
      </c>
      <c r="AI194" s="11">
        <v>0</v>
      </c>
      <c r="AJ194" s="11">
        <v>0</v>
      </c>
      <c r="AK194" s="11">
        <v>0</v>
      </c>
      <c r="AL194" s="11">
        <v>0</v>
      </c>
      <c r="AM194" s="11">
        <v>0</v>
      </c>
      <c r="AN194" s="83">
        <v>98318</v>
      </c>
      <c r="AO194" s="83">
        <v>0</v>
      </c>
      <c r="AP194" s="83">
        <v>0</v>
      </c>
      <c r="AQ194" s="83">
        <v>0</v>
      </c>
      <c r="AR194" s="83">
        <v>0</v>
      </c>
      <c r="AS194" s="83">
        <v>0</v>
      </c>
      <c r="AT194" s="83">
        <v>0</v>
      </c>
      <c r="AU194" s="83">
        <v>0</v>
      </c>
      <c r="AV194" s="11">
        <v>0</v>
      </c>
      <c r="AW194" s="11">
        <v>0</v>
      </c>
      <c r="AX194" s="11">
        <v>0</v>
      </c>
      <c r="AY194" s="11">
        <v>0</v>
      </c>
      <c r="AZ194" s="11">
        <v>0</v>
      </c>
      <c r="BA194" s="11">
        <v>0</v>
      </c>
      <c r="BB194" s="11">
        <v>0</v>
      </c>
      <c r="BC194" s="11">
        <v>0</v>
      </c>
      <c r="BD194" s="11">
        <v>0</v>
      </c>
      <c r="BE194" s="11">
        <v>0</v>
      </c>
      <c r="BF194" s="11">
        <v>0</v>
      </c>
      <c r="BG194" s="11">
        <v>0</v>
      </c>
      <c r="BH194" s="11">
        <v>0</v>
      </c>
      <c r="BI194" s="11">
        <v>0</v>
      </c>
      <c r="BJ194" s="11">
        <v>0</v>
      </c>
      <c r="BK194" s="11">
        <v>0</v>
      </c>
      <c r="BL194" s="11">
        <v>81</v>
      </c>
      <c r="BM194" s="83">
        <v>98318</v>
      </c>
      <c r="BN194" s="83">
        <v>13227</v>
      </c>
    </row>
    <row r="195" spans="1:66" x14ac:dyDescent="0.3">
      <c r="A195" s="78" t="s">
        <v>168</v>
      </c>
      <c r="B195" s="79">
        <v>82</v>
      </c>
      <c r="C195" s="80"/>
      <c r="D195" t="s">
        <v>290</v>
      </c>
      <c r="E195">
        <v>711</v>
      </c>
      <c r="G195" s="78" t="s">
        <v>168</v>
      </c>
      <c r="H195" s="79">
        <v>82</v>
      </c>
      <c r="I195" s="81" t="s">
        <v>272</v>
      </c>
      <c r="J195" s="81">
        <v>534</v>
      </c>
      <c r="K195" s="82">
        <v>42</v>
      </c>
      <c r="L195" s="11">
        <v>82</v>
      </c>
      <c r="M195" s="11">
        <v>534</v>
      </c>
      <c r="N195" s="11">
        <v>37</v>
      </c>
      <c r="O195" s="11" t="s">
        <v>259</v>
      </c>
      <c r="P195" s="11">
        <v>5</v>
      </c>
      <c r="Q195" s="11">
        <v>0</v>
      </c>
      <c r="R195" s="11">
        <v>0</v>
      </c>
      <c r="S195" s="11">
        <v>0</v>
      </c>
      <c r="T195" s="11">
        <v>0</v>
      </c>
      <c r="U195" s="11">
        <v>0</v>
      </c>
      <c r="V195" s="11">
        <v>0</v>
      </c>
      <c r="W195" s="11">
        <v>0</v>
      </c>
      <c r="X195" s="11" t="s">
        <v>256</v>
      </c>
      <c r="Y195" s="11">
        <v>0</v>
      </c>
      <c r="Z195" s="11">
        <v>0</v>
      </c>
      <c r="AA195" s="11">
        <v>0</v>
      </c>
      <c r="AB195" s="11">
        <v>0</v>
      </c>
      <c r="AC195" s="11">
        <v>0</v>
      </c>
      <c r="AD195" s="11">
        <v>0</v>
      </c>
      <c r="AE195" s="11">
        <v>0</v>
      </c>
      <c r="AF195" s="11" t="s">
        <v>770</v>
      </c>
      <c r="AG195" s="11">
        <v>0</v>
      </c>
      <c r="AH195" s="11">
        <v>0</v>
      </c>
      <c r="AI195" s="11">
        <v>0</v>
      </c>
      <c r="AJ195" s="11">
        <v>0</v>
      </c>
      <c r="AK195" s="11">
        <v>0</v>
      </c>
      <c r="AL195" s="11">
        <v>0</v>
      </c>
      <c r="AM195" s="11">
        <v>0</v>
      </c>
      <c r="AN195" s="83">
        <v>98318</v>
      </c>
      <c r="AO195" s="83">
        <v>0</v>
      </c>
      <c r="AP195" s="83">
        <v>0</v>
      </c>
      <c r="AQ195" s="83">
        <v>0</v>
      </c>
      <c r="AR195" s="83">
        <v>0</v>
      </c>
      <c r="AS195" s="83">
        <v>0</v>
      </c>
      <c r="AT195" s="83">
        <v>0</v>
      </c>
      <c r="AU195" s="83">
        <v>0</v>
      </c>
      <c r="AV195" s="11">
        <v>0</v>
      </c>
      <c r="AW195" s="11">
        <v>0</v>
      </c>
      <c r="AX195" s="11">
        <v>0</v>
      </c>
      <c r="AY195" s="11">
        <v>0</v>
      </c>
      <c r="AZ195" s="11">
        <v>0</v>
      </c>
      <c r="BA195" s="11">
        <v>0</v>
      </c>
      <c r="BB195" s="11">
        <v>0</v>
      </c>
      <c r="BC195" s="11">
        <v>0</v>
      </c>
      <c r="BD195" s="11">
        <v>0</v>
      </c>
      <c r="BE195" s="11">
        <v>0</v>
      </c>
      <c r="BF195" s="11">
        <v>0</v>
      </c>
      <c r="BG195" s="11">
        <v>0</v>
      </c>
      <c r="BH195" s="11">
        <v>0</v>
      </c>
      <c r="BI195" s="11">
        <v>0</v>
      </c>
      <c r="BJ195" s="11">
        <v>0</v>
      </c>
      <c r="BK195" s="11">
        <v>0</v>
      </c>
      <c r="BL195" s="11">
        <v>37</v>
      </c>
      <c r="BM195" s="83">
        <v>98318</v>
      </c>
      <c r="BN195" s="83">
        <v>0</v>
      </c>
    </row>
    <row r="196" spans="1:66" x14ac:dyDescent="0.3">
      <c r="A196" s="78" t="s">
        <v>168</v>
      </c>
      <c r="B196" s="79">
        <v>82</v>
      </c>
      <c r="C196" s="80"/>
      <c r="D196" t="s">
        <v>307</v>
      </c>
      <c r="E196">
        <v>712</v>
      </c>
      <c r="G196" s="78" t="s">
        <v>168</v>
      </c>
      <c r="H196" s="79">
        <v>82</v>
      </c>
      <c r="I196" s="81" t="s">
        <v>695</v>
      </c>
      <c r="J196" s="81">
        <v>676</v>
      </c>
      <c r="K196" s="82">
        <v>38</v>
      </c>
      <c r="L196" s="11">
        <v>82</v>
      </c>
      <c r="M196" s="11">
        <v>676</v>
      </c>
      <c r="N196" s="11">
        <v>52</v>
      </c>
      <c r="O196" s="11"/>
      <c r="P196" s="11">
        <v>12</v>
      </c>
      <c r="Q196" s="11">
        <v>0</v>
      </c>
      <c r="R196" s="11">
        <v>0</v>
      </c>
      <c r="S196" s="11">
        <v>0</v>
      </c>
      <c r="T196" s="11">
        <v>0</v>
      </c>
      <c r="U196" s="11">
        <v>0</v>
      </c>
      <c r="V196" s="11">
        <v>0</v>
      </c>
      <c r="W196" s="11">
        <v>0</v>
      </c>
      <c r="X196" s="11" t="s">
        <v>256</v>
      </c>
      <c r="Y196" s="11">
        <v>0</v>
      </c>
      <c r="Z196" s="11">
        <v>0</v>
      </c>
      <c r="AA196" s="11">
        <v>0</v>
      </c>
      <c r="AB196" s="11">
        <v>0</v>
      </c>
      <c r="AC196" s="11">
        <v>0</v>
      </c>
      <c r="AD196" s="11">
        <v>0</v>
      </c>
      <c r="AE196" s="11">
        <v>0</v>
      </c>
      <c r="AF196" s="11" t="s">
        <v>771</v>
      </c>
      <c r="AG196" s="11">
        <v>0</v>
      </c>
      <c r="AH196" s="11">
        <v>0</v>
      </c>
      <c r="AI196" s="11">
        <v>0</v>
      </c>
      <c r="AJ196" s="11">
        <v>0</v>
      </c>
      <c r="AK196" s="11">
        <v>0</v>
      </c>
      <c r="AL196" s="11">
        <v>0</v>
      </c>
      <c r="AM196" s="11">
        <v>0</v>
      </c>
      <c r="AN196" s="83">
        <v>98318</v>
      </c>
      <c r="AO196" s="83">
        <v>0</v>
      </c>
      <c r="AP196" s="83">
        <v>0</v>
      </c>
      <c r="AQ196" s="83">
        <v>0</v>
      </c>
      <c r="AR196" s="83">
        <v>0</v>
      </c>
      <c r="AS196" s="83">
        <v>0</v>
      </c>
      <c r="AT196" s="83">
        <v>0</v>
      </c>
      <c r="AU196" s="83">
        <v>0</v>
      </c>
      <c r="AV196" s="11">
        <v>0</v>
      </c>
      <c r="AW196" s="11">
        <v>0</v>
      </c>
      <c r="AX196" s="11">
        <v>0</v>
      </c>
      <c r="AY196" s="11">
        <v>0</v>
      </c>
      <c r="AZ196" s="11">
        <v>0</v>
      </c>
      <c r="BA196" s="11">
        <v>0</v>
      </c>
      <c r="BB196" s="11">
        <v>0</v>
      </c>
      <c r="BC196" s="11">
        <v>0</v>
      </c>
      <c r="BD196" s="11">
        <v>0</v>
      </c>
      <c r="BE196" s="11">
        <v>0</v>
      </c>
      <c r="BF196" s="11">
        <v>0</v>
      </c>
      <c r="BG196" s="11">
        <v>0</v>
      </c>
      <c r="BH196" s="11">
        <v>0</v>
      </c>
      <c r="BI196" s="11">
        <v>0</v>
      </c>
      <c r="BJ196" s="11">
        <v>0</v>
      </c>
      <c r="BK196" s="11">
        <v>0</v>
      </c>
      <c r="BL196" s="11">
        <v>52</v>
      </c>
      <c r="BM196" s="83">
        <v>98318</v>
      </c>
      <c r="BN196" s="83">
        <v>0</v>
      </c>
    </row>
    <row r="197" spans="1:66" x14ac:dyDescent="0.3">
      <c r="A197" s="78" t="s">
        <v>168</v>
      </c>
      <c r="B197" s="79">
        <v>82</v>
      </c>
      <c r="C197" s="80"/>
      <c r="D197" t="s">
        <v>307</v>
      </c>
      <c r="E197">
        <v>712</v>
      </c>
      <c r="G197" s="78" t="s">
        <v>168</v>
      </c>
      <c r="H197" s="79">
        <v>82</v>
      </c>
      <c r="I197" s="81" t="s">
        <v>699</v>
      </c>
      <c r="J197" s="81">
        <v>680</v>
      </c>
      <c r="K197" s="82">
        <v>72</v>
      </c>
      <c r="L197" s="11">
        <v>82</v>
      </c>
      <c r="M197" s="11">
        <v>680</v>
      </c>
      <c r="N197" s="11">
        <v>80</v>
      </c>
      <c r="O197" s="11" t="s">
        <v>259</v>
      </c>
      <c r="P197" s="11">
        <v>29</v>
      </c>
      <c r="Q197" s="11">
        <v>0</v>
      </c>
      <c r="R197" s="11">
        <v>0</v>
      </c>
      <c r="S197" s="11">
        <v>0</v>
      </c>
      <c r="T197" s="11">
        <v>0</v>
      </c>
      <c r="U197" s="11">
        <v>0</v>
      </c>
      <c r="V197" s="11">
        <v>0</v>
      </c>
      <c r="W197" s="11">
        <v>0</v>
      </c>
      <c r="X197" s="11" t="s">
        <v>256</v>
      </c>
      <c r="Y197" s="11">
        <v>0</v>
      </c>
      <c r="Z197" s="11">
        <v>0</v>
      </c>
      <c r="AA197" s="11">
        <v>0</v>
      </c>
      <c r="AB197" s="11">
        <v>0</v>
      </c>
      <c r="AC197" s="11">
        <v>0</v>
      </c>
      <c r="AD197" s="11">
        <v>0</v>
      </c>
      <c r="AE197" s="11">
        <v>0</v>
      </c>
      <c r="AF197" s="11" t="s">
        <v>772</v>
      </c>
      <c r="AG197" s="11">
        <v>0</v>
      </c>
      <c r="AH197" s="11">
        <v>0</v>
      </c>
      <c r="AI197" s="11">
        <v>0</v>
      </c>
      <c r="AJ197" s="11">
        <v>0</v>
      </c>
      <c r="AK197" s="11">
        <v>0</v>
      </c>
      <c r="AL197" s="11">
        <v>0</v>
      </c>
      <c r="AM197" s="11">
        <v>0</v>
      </c>
      <c r="AN197" s="83">
        <v>196636</v>
      </c>
      <c r="AO197" s="83">
        <v>0</v>
      </c>
      <c r="AP197" s="83">
        <v>0</v>
      </c>
      <c r="AQ197" s="83">
        <v>0</v>
      </c>
      <c r="AR197" s="83">
        <v>0</v>
      </c>
      <c r="AS197" s="83">
        <v>0</v>
      </c>
      <c r="AT197" s="83">
        <v>0</v>
      </c>
      <c r="AU197" s="83">
        <v>0</v>
      </c>
      <c r="AV197" s="11">
        <v>0</v>
      </c>
      <c r="AW197" s="11">
        <v>0</v>
      </c>
      <c r="AX197" s="11">
        <v>0</v>
      </c>
      <c r="AY197" s="11">
        <v>0</v>
      </c>
      <c r="AZ197" s="11">
        <v>0</v>
      </c>
      <c r="BA197" s="11">
        <v>0</v>
      </c>
      <c r="BB197" s="11">
        <v>0</v>
      </c>
      <c r="BC197" s="11">
        <v>0</v>
      </c>
      <c r="BD197" s="11">
        <v>0</v>
      </c>
      <c r="BE197" s="11">
        <v>0</v>
      </c>
      <c r="BF197" s="11">
        <v>0</v>
      </c>
      <c r="BG197" s="11">
        <v>0</v>
      </c>
      <c r="BH197" s="11">
        <v>0</v>
      </c>
      <c r="BI197" s="11">
        <v>0</v>
      </c>
      <c r="BJ197" s="11">
        <v>0</v>
      </c>
      <c r="BK197" s="11">
        <v>0</v>
      </c>
      <c r="BL197" s="11">
        <v>80</v>
      </c>
      <c r="BM197" s="83">
        <v>196636</v>
      </c>
      <c r="BN197" s="83">
        <v>0</v>
      </c>
    </row>
    <row r="198" spans="1:66" x14ac:dyDescent="0.3">
      <c r="A198" s="78" t="s">
        <v>168</v>
      </c>
      <c r="B198" s="79">
        <v>82</v>
      </c>
      <c r="C198" s="80"/>
      <c r="D198" t="s">
        <v>286</v>
      </c>
      <c r="E198">
        <v>713</v>
      </c>
      <c r="G198" s="78" t="s">
        <v>168</v>
      </c>
      <c r="H198" s="79">
        <v>82</v>
      </c>
      <c r="I198" s="81" t="s">
        <v>701</v>
      </c>
      <c r="J198" s="81">
        <v>681</v>
      </c>
      <c r="K198" s="82">
        <v>36</v>
      </c>
      <c r="L198" s="11">
        <v>82</v>
      </c>
      <c r="M198" s="11">
        <v>681</v>
      </c>
      <c r="N198" s="11">
        <v>40</v>
      </c>
      <c r="O198" s="11" t="s">
        <v>259</v>
      </c>
      <c r="P198" s="11">
        <v>5</v>
      </c>
      <c r="Q198" s="11">
        <v>0</v>
      </c>
      <c r="R198" s="11">
        <v>0</v>
      </c>
      <c r="S198" s="11">
        <v>0</v>
      </c>
      <c r="T198" s="11">
        <v>0</v>
      </c>
      <c r="U198" s="11">
        <v>0</v>
      </c>
      <c r="V198" s="11">
        <v>0</v>
      </c>
      <c r="W198" s="11">
        <v>0</v>
      </c>
      <c r="X198" s="11" t="s">
        <v>421</v>
      </c>
      <c r="Y198" s="11">
        <v>0</v>
      </c>
      <c r="Z198" s="11">
        <v>0</v>
      </c>
      <c r="AA198" s="11">
        <v>0</v>
      </c>
      <c r="AB198" s="11">
        <v>0</v>
      </c>
      <c r="AC198" s="11">
        <v>0</v>
      </c>
      <c r="AD198" s="11">
        <v>0</v>
      </c>
      <c r="AE198" s="11">
        <v>0</v>
      </c>
      <c r="AF198" s="11" t="s">
        <v>773</v>
      </c>
      <c r="AG198" s="11">
        <v>0</v>
      </c>
      <c r="AH198" s="11">
        <v>0</v>
      </c>
      <c r="AI198" s="11">
        <v>0</v>
      </c>
      <c r="AJ198" s="11">
        <v>0</v>
      </c>
      <c r="AK198" s="11">
        <v>0</v>
      </c>
      <c r="AL198" s="11">
        <v>0</v>
      </c>
      <c r="AM198" s="11">
        <v>0</v>
      </c>
      <c r="AN198" s="83">
        <v>98318</v>
      </c>
      <c r="AO198" s="83">
        <v>0</v>
      </c>
      <c r="AP198" s="83">
        <v>0</v>
      </c>
      <c r="AQ198" s="83">
        <v>0</v>
      </c>
      <c r="AR198" s="83">
        <v>0</v>
      </c>
      <c r="AS198" s="83">
        <v>0</v>
      </c>
      <c r="AT198" s="83">
        <v>0</v>
      </c>
      <c r="AU198" s="83">
        <v>0</v>
      </c>
      <c r="AV198" s="11">
        <v>0</v>
      </c>
      <c r="AW198" s="11">
        <v>0</v>
      </c>
      <c r="AX198" s="11">
        <v>0</v>
      </c>
      <c r="AY198" s="11">
        <v>0</v>
      </c>
      <c r="AZ198" s="11">
        <v>0</v>
      </c>
      <c r="BA198" s="11">
        <v>0</v>
      </c>
      <c r="BB198" s="11">
        <v>0</v>
      </c>
      <c r="BC198" s="11">
        <v>0</v>
      </c>
      <c r="BD198" s="11">
        <v>0</v>
      </c>
      <c r="BE198" s="11">
        <v>0</v>
      </c>
      <c r="BF198" s="11">
        <v>0</v>
      </c>
      <c r="BG198" s="11">
        <v>0</v>
      </c>
      <c r="BH198" s="11">
        <v>0</v>
      </c>
      <c r="BI198" s="11">
        <v>0</v>
      </c>
      <c r="BJ198" s="11">
        <v>0</v>
      </c>
      <c r="BK198" s="11">
        <v>0</v>
      </c>
      <c r="BL198" s="11">
        <v>40</v>
      </c>
      <c r="BM198" s="83">
        <v>98318</v>
      </c>
      <c r="BN198" s="83">
        <v>0</v>
      </c>
    </row>
    <row r="199" spans="1:66" x14ac:dyDescent="0.3">
      <c r="A199" s="78" t="s">
        <v>168</v>
      </c>
      <c r="B199" s="79">
        <v>82</v>
      </c>
      <c r="C199" s="80"/>
      <c r="D199" t="s">
        <v>337</v>
      </c>
      <c r="E199">
        <v>714</v>
      </c>
      <c r="G199" s="78" t="s">
        <v>168</v>
      </c>
      <c r="H199" s="79">
        <v>82</v>
      </c>
      <c r="I199" s="81" t="s">
        <v>513</v>
      </c>
      <c r="J199" s="81">
        <v>682</v>
      </c>
      <c r="K199" s="82">
        <v>1</v>
      </c>
      <c r="L199" s="11"/>
      <c r="M199" s="11"/>
      <c r="N199" s="11"/>
      <c r="O199" s="11"/>
      <c r="P199" s="11"/>
      <c r="Q199" s="11"/>
      <c r="R199" s="11"/>
      <c r="S199" s="11"/>
      <c r="T199" s="11"/>
      <c r="U199" s="11"/>
      <c r="V199" s="11"/>
      <c r="W199" s="11"/>
      <c r="X199" s="11"/>
      <c r="Y199" s="11"/>
      <c r="Z199" s="11"/>
      <c r="AA199" s="11"/>
      <c r="AB199" s="11"/>
      <c r="AC199" s="11"/>
      <c r="AD199" s="11"/>
      <c r="AE199" s="11"/>
      <c r="AF199" s="11"/>
      <c r="AG199" s="11"/>
      <c r="AH199" s="11"/>
      <c r="AI199" s="11"/>
      <c r="AJ199" s="11"/>
      <c r="AK199" s="11"/>
      <c r="AL199" s="11"/>
      <c r="AM199" s="11"/>
      <c r="AN199" s="83"/>
      <c r="AO199" s="83"/>
      <c r="AP199" s="83"/>
      <c r="AQ199" s="83"/>
      <c r="AR199" s="83"/>
      <c r="AS199" s="83"/>
      <c r="AT199" s="83"/>
      <c r="AU199" s="83"/>
      <c r="AV199" s="11"/>
      <c r="AW199" s="11"/>
      <c r="AX199" s="11"/>
      <c r="AY199" s="11"/>
      <c r="AZ199" s="11"/>
      <c r="BA199" s="11"/>
      <c r="BB199" s="11"/>
      <c r="BC199" s="11"/>
      <c r="BD199" s="11"/>
      <c r="BE199" s="11"/>
      <c r="BF199" s="11"/>
      <c r="BG199" s="11"/>
      <c r="BH199" s="11"/>
      <c r="BI199" s="11"/>
      <c r="BJ199" s="11"/>
      <c r="BK199" s="11"/>
      <c r="BL199" s="11"/>
      <c r="BM199" s="83"/>
      <c r="BN199" s="83"/>
    </row>
    <row r="200" spans="1:66" x14ac:dyDescent="0.3">
      <c r="A200" s="78" t="s">
        <v>168</v>
      </c>
      <c r="B200" s="79">
        <v>82</v>
      </c>
      <c r="C200" s="80"/>
      <c r="D200" t="s">
        <v>337</v>
      </c>
      <c r="E200">
        <v>714</v>
      </c>
      <c r="G200" s="78" t="s">
        <v>168</v>
      </c>
      <c r="H200" s="79">
        <v>82</v>
      </c>
      <c r="I200" s="81" t="s">
        <v>57</v>
      </c>
      <c r="J200" s="81">
        <v>537</v>
      </c>
      <c r="K200" s="82"/>
      <c r="L200" s="11">
        <v>82</v>
      </c>
      <c r="M200" s="11">
        <v>537</v>
      </c>
      <c r="N200" s="11">
        <v>45</v>
      </c>
      <c r="O200" s="11" t="s">
        <v>259</v>
      </c>
      <c r="P200" s="11">
        <v>42</v>
      </c>
      <c r="Q200" s="11">
        <v>0</v>
      </c>
      <c r="R200" s="11">
        <v>0</v>
      </c>
      <c r="S200" s="11">
        <v>0</v>
      </c>
      <c r="T200" s="11">
        <v>0</v>
      </c>
      <c r="U200" s="11">
        <v>0</v>
      </c>
      <c r="V200" s="11">
        <v>0</v>
      </c>
      <c r="W200" s="11">
        <v>0</v>
      </c>
      <c r="X200" s="11" t="s">
        <v>256</v>
      </c>
      <c r="Y200" s="11">
        <v>0</v>
      </c>
      <c r="Z200" s="11">
        <v>0</v>
      </c>
      <c r="AA200" s="11">
        <v>0</v>
      </c>
      <c r="AB200" s="11">
        <v>0</v>
      </c>
      <c r="AC200" s="11">
        <v>0</v>
      </c>
      <c r="AD200" s="11">
        <v>0</v>
      </c>
      <c r="AE200" s="11">
        <v>0</v>
      </c>
      <c r="AF200" s="11" t="s">
        <v>774</v>
      </c>
      <c r="AG200" s="11">
        <v>0</v>
      </c>
      <c r="AH200" s="11">
        <v>0</v>
      </c>
      <c r="AI200" s="11">
        <v>0</v>
      </c>
      <c r="AJ200" s="11">
        <v>0</v>
      </c>
      <c r="AK200" s="11">
        <v>0</v>
      </c>
      <c r="AL200" s="11">
        <v>0</v>
      </c>
      <c r="AM200" s="11">
        <v>0</v>
      </c>
      <c r="AN200" s="83">
        <v>98318</v>
      </c>
      <c r="AO200" s="83">
        <v>0</v>
      </c>
      <c r="AP200" s="83">
        <v>0</v>
      </c>
      <c r="AQ200" s="83">
        <v>0</v>
      </c>
      <c r="AR200" s="83">
        <v>0</v>
      </c>
      <c r="AS200" s="83">
        <v>0</v>
      </c>
      <c r="AT200" s="83">
        <v>0</v>
      </c>
      <c r="AU200" s="83">
        <v>0</v>
      </c>
      <c r="AV200" s="11">
        <v>0</v>
      </c>
      <c r="AW200" s="11">
        <v>0</v>
      </c>
      <c r="AX200" s="11">
        <v>0</v>
      </c>
      <c r="AY200" s="11">
        <v>0</v>
      </c>
      <c r="AZ200" s="11">
        <v>0</v>
      </c>
      <c r="BA200" s="11">
        <v>0</v>
      </c>
      <c r="BB200" s="11">
        <v>0</v>
      </c>
      <c r="BC200" s="11">
        <v>0</v>
      </c>
      <c r="BD200" s="11">
        <v>0</v>
      </c>
      <c r="BE200" s="11">
        <v>0</v>
      </c>
      <c r="BF200" s="11">
        <v>0</v>
      </c>
      <c r="BG200" s="11">
        <v>0</v>
      </c>
      <c r="BH200" s="11">
        <v>0</v>
      </c>
      <c r="BI200" s="11">
        <v>0</v>
      </c>
      <c r="BJ200" s="11">
        <v>0</v>
      </c>
      <c r="BK200" s="11">
        <v>0</v>
      </c>
      <c r="BL200" s="11">
        <v>45</v>
      </c>
      <c r="BM200" s="83">
        <v>98318</v>
      </c>
      <c r="BN200" s="83">
        <v>0</v>
      </c>
    </row>
    <row r="201" spans="1:66" x14ac:dyDescent="0.3">
      <c r="A201" s="78" t="s">
        <v>168</v>
      </c>
      <c r="B201" s="79">
        <v>82</v>
      </c>
      <c r="C201" s="80"/>
      <c r="D201" t="s">
        <v>337</v>
      </c>
      <c r="E201">
        <v>714</v>
      </c>
      <c r="G201" s="78" t="s">
        <v>168</v>
      </c>
      <c r="H201" s="79">
        <v>82</v>
      </c>
      <c r="I201" s="81" t="s">
        <v>61</v>
      </c>
      <c r="J201" s="81">
        <v>533</v>
      </c>
      <c r="K201" s="82"/>
      <c r="L201" s="11">
        <v>82</v>
      </c>
      <c r="M201" s="11">
        <v>533</v>
      </c>
      <c r="N201" s="11">
        <v>31</v>
      </c>
      <c r="O201" s="11" t="s">
        <v>259</v>
      </c>
      <c r="P201" s="11">
        <v>11</v>
      </c>
      <c r="Q201" s="11">
        <v>0</v>
      </c>
      <c r="R201" s="11">
        <v>0</v>
      </c>
      <c r="S201" s="11">
        <v>0</v>
      </c>
      <c r="T201" s="11">
        <v>0</v>
      </c>
      <c r="U201" s="11">
        <v>0</v>
      </c>
      <c r="V201" s="11">
        <v>0</v>
      </c>
      <c r="W201" s="11">
        <v>0</v>
      </c>
      <c r="X201" s="11" t="s">
        <v>256</v>
      </c>
      <c r="Y201" s="11">
        <v>0</v>
      </c>
      <c r="Z201" s="11">
        <v>0</v>
      </c>
      <c r="AA201" s="11">
        <v>0</v>
      </c>
      <c r="AB201" s="11">
        <v>0</v>
      </c>
      <c r="AC201" s="11">
        <v>0</v>
      </c>
      <c r="AD201" s="11">
        <v>0</v>
      </c>
      <c r="AE201" s="11">
        <v>0</v>
      </c>
      <c r="AF201" s="11" t="s">
        <v>775</v>
      </c>
      <c r="AG201" s="11">
        <v>0</v>
      </c>
      <c r="AH201" s="11">
        <v>0</v>
      </c>
      <c r="AI201" s="11">
        <v>0</v>
      </c>
      <c r="AJ201" s="11">
        <v>0</v>
      </c>
      <c r="AK201" s="11">
        <v>0</v>
      </c>
      <c r="AL201" s="11">
        <v>0</v>
      </c>
      <c r="AM201" s="11">
        <v>0</v>
      </c>
      <c r="AN201" s="83">
        <v>98318</v>
      </c>
      <c r="AO201" s="83">
        <v>0</v>
      </c>
      <c r="AP201" s="83">
        <v>0</v>
      </c>
      <c r="AQ201" s="83">
        <v>0</v>
      </c>
      <c r="AR201" s="83">
        <v>0</v>
      </c>
      <c r="AS201" s="83">
        <v>0</v>
      </c>
      <c r="AT201" s="83">
        <v>0</v>
      </c>
      <c r="AU201" s="83">
        <v>0</v>
      </c>
      <c r="AV201" s="11">
        <v>0</v>
      </c>
      <c r="AW201" s="11">
        <v>0</v>
      </c>
      <c r="AX201" s="11">
        <v>0</v>
      </c>
      <c r="AY201" s="11">
        <v>0</v>
      </c>
      <c r="AZ201" s="11">
        <v>0</v>
      </c>
      <c r="BA201" s="11">
        <v>0</v>
      </c>
      <c r="BB201" s="11">
        <v>0</v>
      </c>
      <c r="BC201" s="11">
        <v>0</v>
      </c>
      <c r="BD201" s="11">
        <v>0</v>
      </c>
      <c r="BE201" s="11">
        <v>0</v>
      </c>
      <c r="BF201" s="11">
        <v>0</v>
      </c>
      <c r="BG201" s="11">
        <v>0</v>
      </c>
      <c r="BH201" s="11">
        <v>0</v>
      </c>
      <c r="BI201" s="11">
        <v>0</v>
      </c>
      <c r="BJ201" s="11">
        <v>0</v>
      </c>
      <c r="BK201" s="11">
        <v>0</v>
      </c>
      <c r="BL201" s="11">
        <v>31</v>
      </c>
      <c r="BM201" s="83">
        <v>98318</v>
      </c>
      <c r="BN201" s="83">
        <v>0</v>
      </c>
    </row>
    <row r="202" spans="1:66" x14ac:dyDescent="0.3">
      <c r="A202" s="78" t="s">
        <v>168</v>
      </c>
      <c r="B202" s="79">
        <v>82</v>
      </c>
      <c r="C202" s="80"/>
      <c r="D202" t="s">
        <v>337</v>
      </c>
      <c r="E202">
        <v>714</v>
      </c>
      <c r="G202" s="78" t="s">
        <v>168</v>
      </c>
      <c r="H202" s="79">
        <v>82</v>
      </c>
      <c r="I202" s="81" t="s">
        <v>56</v>
      </c>
      <c r="J202" s="81">
        <v>532</v>
      </c>
      <c r="K202" s="82"/>
      <c r="L202" s="11">
        <v>82</v>
      </c>
      <c r="M202" s="11">
        <v>532</v>
      </c>
      <c r="N202" s="11">
        <v>44</v>
      </c>
      <c r="O202" s="11" t="s">
        <v>259</v>
      </c>
      <c r="P202" s="11">
        <v>20</v>
      </c>
      <c r="Q202" s="11">
        <v>0</v>
      </c>
      <c r="R202" s="11">
        <v>0</v>
      </c>
      <c r="S202" s="11">
        <v>0</v>
      </c>
      <c r="T202" s="11">
        <v>0</v>
      </c>
      <c r="U202" s="11">
        <v>0</v>
      </c>
      <c r="V202" s="11">
        <v>0</v>
      </c>
      <c r="W202" s="11">
        <v>0</v>
      </c>
      <c r="X202" s="11" t="s">
        <v>256</v>
      </c>
      <c r="Y202" s="11">
        <v>0</v>
      </c>
      <c r="Z202" s="11">
        <v>0</v>
      </c>
      <c r="AA202" s="11">
        <v>0</v>
      </c>
      <c r="AB202" s="11">
        <v>0</v>
      </c>
      <c r="AC202" s="11">
        <v>0</v>
      </c>
      <c r="AD202" s="11">
        <v>0</v>
      </c>
      <c r="AE202" s="11">
        <v>0</v>
      </c>
      <c r="AF202" s="11" t="s">
        <v>776</v>
      </c>
      <c r="AG202" s="11">
        <v>0</v>
      </c>
      <c r="AH202" s="11">
        <v>0</v>
      </c>
      <c r="AI202" s="11">
        <v>0</v>
      </c>
      <c r="AJ202" s="11">
        <v>0</v>
      </c>
      <c r="AK202" s="11">
        <v>0</v>
      </c>
      <c r="AL202" s="11">
        <v>0</v>
      </c>
      <c r="AM202" s="11">
        <v>0</v>
      </c>
      <c r="AN202" s="83">
        <v>98318</v>
      </c>
      <c r="AO202" s="83">
        <v>0</v>
      </c>
      <c r="AP202" s="83">
        <v>0</v>
      </c>
      <c r="AQ202" s="83">
        <v>0</v>
      </c>
      <c r="AR202" s="83">
        <v>0</v>
      </c>
      <c r="AS202" s="83">
        <v>0</v>
      </c>
      <c r="AT202" s="83">
        <v>0</v>
      </c>
      <c r="AU202" s="83">
        <v>0</v>
      </c>
      <c r="AV202" s="11">
        <v>0</v>
      </c>
      <c r="AW202" s="11">
        <v>0</v>
      </c>
      <c r="AX202" s="11">
        <v>0</v>
      </c>
      <c r="AY202" s="11">
        <v>0</v>
      </c>
      <c r="AZ202" s="11">
        <v>0</v>
      </c>
      <c r="BA202" s="11">
        <v>0</v>
      </c>
      <c r="BB202" s="11">
        <v>0</v>
      </c>
      <c r="BC202" s="11">
        <v>0</v>
      </c>
      <c r="BD202" s="11">
        <v>0</v>
      </c>
      <c r="BE202" s="11">
        <v>0</v>
      </c>
      <c r="BF202" s="11">
        <v>0</v>
      </c>
      <c r="BG202" s="11">
        <v>0</v>
      </c>
      <c r="BH202" s="11">
        <v>0</v>
      </c>
      <c r="BI202" s="11">
        <v>0</v>
      </c>
      <c r="BJ202" s="11">
        <v>0</v>
      </c>
      <c r="BK202" s="11">
        <v>0</v>
      </c>
      <c r="BL202" s="11">
        <v>44</v>
      </c>
      <c r="BM202" s="83">
        <v>98318</v>
      </c>
      <c r="BN202" s="83">
        <v>0</v>
      </c>
    </row>
    <row r="203" spans="1:66" x14ac:dyDescent="0.3">
      <c r="A203" s="78" t="s">
        <v>168</v>
      </c>
      <c r="B203" s="79">
        <v>82</v>
      </c>
      <c r="C203" s="80"/>
      <c r="D203" t="s">
        <v>358</v>
      </c>
      <c r="E203">
        <v>715</v>
      </c>
      <c r="G203" s="78" t="s">
        <v>168</v>
      </c>
      <c r="H203" s="79">
        <v>82</v>
      </c>
      <c r="I203" s="81" t="s">
        <v>60</v>
      </c>
      <c r="J203" s="81">
        <v>531</v>
      </c>
      <c r="K203" s="82"/>
      <c r="L203" s="11">
        <v>82</v>
      </c>
      <c r="M203" s="11">
        <v>531</v>
      </c>
      <c r="N203" s="11">
        <v>77</v>
      </c>
      <c r="O203" s="11" t="s">
        <v>259</v>
      </c>
      <c r="P203" s="11">
        <v>10</v>
      </c>
      <c r="Q203" s="11">
        <v>0</v>
      </c>
      <c r="R203" s="11">
        <v>0</v>
      </c>
      <c r="S203" s="11">
        <v>0</v>
      </c>
      <c r="T203" s="11">
        <v>0</v>
      </c>
      <c r="U203" s="11">
        <v>0</v>
      </c>
      <c r="V203" s="11">
        <v>0</v>
      </c>
      <c r="W203" s="11">
        <v>0</v>
      </c>
      <c r="X203" s="11" t="s">
        <v>256</v>
      </c>
      <c r="Y203" s="11">
        <v>0</v>
      </c>
      <c r="Z203" s="11">
        <v>0</v>
      </c>
      <c r="AA203" s="11">
        <v>0</v>
      </c>
      <c r="AB203" s="11">
        <v>0</v>
      </c>
      <c r="AC203" s="11">
        <v>0</v>
      </c>
      <c r="AD203" s="11">
        <v>0</v>
      </c>
      <c r="AE203" s="11">
        <v>0</v>
      </c>
      <c r="AF203" s="11" t="s">
        <v>777</v>
      </c>
      <c r="AG203" s="11">
        <v>0</v>
      </c>
      <c r="AH203" s="11">
        <v>0</v>
      </c>
      <c r="AI203" s="11">
        <v>0</v>
      </c>
      <c r="AJ203" s="11">
        <v>0</v>
      </c>
      <c r="AK203" s="11">
        <v>0</v>
      </c>
      <c r="AL203" s="11">
        <v>0</v>
      </c>
      <c r="AM203" s="11">
        <v>0</v>
      </c>
      <c r="AN203" s="83">
        <v>98318</v>
      </c>
      <c r="AO203" s="83">
        <v>0</v>
      </c>
      <c r="AP203" s="83">
        <v>0</v>
      </c>
      <c r="AQ203" s="83">
        <v>0</v>
      </c>
      <c r="AR203" s="83">
        <v>0</v>
      </c>
      <c r="AS203" s="83">
        <v>0</v>
      </c>
      <c r="AT203" s="83">
        <v>0</v>
      </c>
      <c r="AU203" s="83">
        <v>0</v>
      </c>
      <c r="AV203" s="11">
        <v>0</v>
      </c>
      <c r="AW203" s="11">
        <v>0</v>
      </c>
      <c r="AX203" s="11">
        <v>0</v>
      </c>
      <c r="AY203" s="11">
        <v>0</v>
      </c>
      <c r="AZ203" s="11">
        <v>0</v>
      </c>
      <c r="BA203" s="11">
        <v>0</v>
      </c>
      <c r="BB203" s="11">
        <v>0</v>
      </c>
      <c r="BC203" s="11">
        <v>0</v>
      </c>
      <c r="BD203" s="11">
        <v>0</v>
      </c>
      <c r="BE203" s="11">
        <v>0</v>
      </c>
      <c r="BF203" s="11">
        <v>0</v>
      </c>
      <c r="BG203" s="11">
        <v>0</v>
      </c>
      <c r="BH203" s="11">
        <v>0</v>
      </c>
      <c r="BI203" s="11">
        <v>0</v>
      </c>
      <c r="BJ203" s="11">
        <v>0</v>
      </c>
      <c r="BK203" s="11">
        <v>0</v>
      </c>
      <c r="BL203" s="11">
        <v>77</v>
      </c>
      <c r="BM203" s="83">
        <v>98318</v>
      </c>
      <c r="BN203" s="83">
        <v>0</v>
      </c>
    </row>
    <row r="204" spans="1:66" x14ac:dyDescent="0.3">
      <c r="A204" s="78" t="s">
        <v>106</v>
      </c>
      <c r="B204" s="79">
        <v>83</v>
      </c>
      <c r="C204" s="80"/>
      <c r="D204" t="s">
        <v>296</v>
      </c>
      <c r="E204">
        <v>716</v>
      </c>
      <c r="G204" s="78" t="s">
        <v>106</v>
      </c>
      <c r="H204" s="79">
        <v>83</v>
      </c>
      <c r="I204" s="81" t="s">
        <v>678</v>
      </c>
      <c r="J204" s="81">
        <v>684</v>
      </c>
      <c r="K204" s="82">
        <v>14</v>
      </c>
      <c r="L204">
        <v>83</v>
      </c>
      <c r="M204">
        <v>684</v>
      </c>
      <c r="N204">
        <v>15</v>
      </c>
      <c r="O204" t="s">
        <v>204</v>
      </c>
      <c r="P204">
        <v>11</v>
      </c>
      <c r="Q204">
        <v>14</v>
      </c>
      <c r="R204">
        <v>7</v>
      </c>
      <c r="S204">
        <v>8</v>
      </c>
      <c r="T204">
        <v>0</v>
      </c>
      <c r="U204">
        <v>14</v>
      </c>
      <c r="V204">
        <v>8</v>
      </c>
      <c r="W204">
        <v>0</v>
      </c>
      <c r="X204" t="s">
        <v>256</v>
      </c>
      <c r="Y204" t="s">
        <v>256</v>
      </c>
      <c r="Z204" t="s">
        <v>778</v>
      </c>
      <c r="AA204" t="s">
        <v>256</v>
      </c>
      <c r="AB204">
        <v>0</v>
      </c>
      <c r="AC204" t="s">
        <v>779</v>
      </c>
      <c r="AD204">
        <v>0</v>
      </c>
      <c r="AE204">
        <v>0</v>
      </c>
      <c r="AF204" t="s">
        <v>780</v>
      </c>
      <c r="AG204" t="s">
        <v>780</v>
      </c>
      <c r="AH204" t="s">
        <v>780</v>
      </c>
      <c r="AI204" t="s">
        <v>780</v>
      </c>
      <c r="AJ204">
        <v>0</v>
      </c>
      <c r="AK204" t="s">
        <v>781</v>
      </c>
      <c r="AL204" t="s">
        <v>781</v>
      </c>
      <c r="AM204" s="37">
        <v>0</v>
      </c>
      <c r="AN204" s="37">
        <v>1400</v>
      </c>
      <c r="AO204" s="37">
        <v>2800</v>
      </c>
      <c r="AP204" s="37">
        <v>5600</v>
      </c>
      <c r="AQ204" s="37">
        <v>8400</v>
      </c>
      <c r="AR204" s="37">
        <v>0</v>
      </c>
      <c r="AS204" s="37">
        <v>1400</v>
      </c>
      <c r="AT204" s="37">
        <v>1400</v>
      </c>
      <c r="AU204" s="37">
        <v>0</v>
      </c>
      <c r="AV204">
        <v>0</v>
      </c>
      <c r="AW204">
        <v>0</v>
      </c>
      <c r="AX204" t="s">
        <v>782</v>
      </c>
      <c r="AY204" t="s">
        <v>782</v>
      </c>
      <c r="AZ204">
        <v>0</v>
      </c>
      <c r="BA204">
        <v>0</v>
      </c>
      <c r="BB204">
        <v>0</v>
      </c>
      <c r="BC204" s="37">
        <v>0</v>
      </c>
      <c r="BD204" s="37">
        <v>0</v>
      </c>
      <c r="BE204" s="37">
        <v>0</v>
      </c>
      <c r="BF204" s="37">
        <v>8818</v>
      </c>
      <c r="BG204" s="37">
        <v>4409</v>
      </c>
      <c r="BH204" s="37">
        <v>0</v>
      </c>
      <c r="BI204" s="37">
        <v>0</v>
      </c>
      <c r="BJ204" s="37">
        <v>0</v>
      </c>
      <c r="BK204">
        <v>0</v>
      </c>
      <c r="BL204">
        <v>15</v>
      </c>
      <c r="BM204" s="37">
        <v>21000</v>
      </c>
      <c r="BN204" s="83">
        <v>0</v>
      </c>
    </row>
    <row r="205" spans="1:66" x14ac:dyDescent="0.3">
      <c r="A205" s="78" t="s">
        <v>106</v>
      </c>
      <c r="B205" s="79">
        <v>83</v>
      </c>
      <c r="C205" s="80"/>
      <c r="D205" t="s">
        <v>296</v>
      </c>
      <c r="E205">
        <v>716</v>
      </c>
      <c r="G205" s="78" t="s">
        <v>106</v>
      </c>
      <c r="H205" s="79">
        <v>83</v>
      </c>
      <c r="I205" s="81" t="s">
        <v>682</v>
      </c>
      <c r="J205" s="81">
        <v>689</v>
      </c>
      <c r="K205" s="82">
        <v>6</v>
      </c>
      <c r="L205">
        <v>83</v>
      </c>
      <c r="M205">
        <v>689</v>
      </c>
      <c r="N205">
        <v>6</v>
      </c>
      <c r="O205" t="s">
        <v>204</v>
      </c>
      <c r="P205">
        <v>56</v>
      </c>
      <c r="Q205">
        <v>18</v>
      </c>
      <c r="R205">
        <v>47</v>
      </c>
      <c r="S205">
        <v>21</v>
      </c>
      <c r="T205">
        <v>0</v>
      </c>
      <c r="U205">
        <v>0</v>
      </c>
      <c r="V205">
        <v>0</v>
      </c>
      <c r="W205">
        <v>0</v>
      </c>
      <c r="X205" t="s">
        <v>783</v>
      </c>
      <c r="Y205" t="s">
        <v>609</v>
      </c>
      <c r="Z205" t="s">
        <v>783</v>
      </c>
      <c r="AA205" t="s">
        <v>783</v>
      </c>
      <c r="AB205">
        <v>0</v>
      </c>
      <c r="AC205">
        <v>0</v>
      </c>
      <c r="AD205">
        <v>0</v>
      </c>
      <c r="AE205">
        <v>0</v>
      </c>
      <c r="AF205" t="s">
        <v>784</v>
      </c>
      <c r="AG205" t="s">
        <v>780</v>
      </c>
      <c r="AH205" t="s">
        <v>785</v>
      </c>
      <c r="AI205" t="s">
        <v>781</v>
      </c>
      <c r="AJ205">
        <v>0</v>
      </c>
      <c r="AK205">
        <v>0</v>
      </c>
      <c r="AL205">
        <v>0</v>
      </c>
      <c r="AM205" s="37">
        <v>0</v>
      </c>
      <c r="AN205" s="37">
        <v>1400</v>
      </c>
      <c r="AO205" s="37">
        <v>1400</v>
      </c>
      <c r="AP205" s="37">
        <v>1400</v>
      </c>
      <c r="AQ205" s="37">
        <v>4200</v>
      </c>
      <c r="AR205" s="37">
        <v>0</v>
      </c>
      <c r="AS205" s="37">
        <v>0</v>
      </c>
      <c r="AT205" s="37">
        <v>0</v>
      </c>
      <c r="AU205" s="37">
        <v>0</v>
      </c>
      <c r="AV205">
        <v>0</v>
      </c>
      <c r="AW205">
        <v>0</v>
      </c>
      <c r="AX205">
        <v>0</v>
      </c>
      <c r="AY205">
        <v>0</v>
      </c>
      <c r="AZ205">
        <v>0</v>
      </c>
      <c r="BA205">
        <v>0</v>
      </c>
      <c r="BB205">
        <v>0</v>
      </c>
      <c r="BC205" s="37">
        <v>0</v>
      </c>
      <c r="BD205" s="37">
        <v>0</v>
      </c>
      <c r="BE205" s="37">
        <v>0</v>
      </c>
      <c r="BF205" s="37">
        <v>0</v>
      </c>
      <c r="BG205" s="37">
        <v>0</v>
      </c>
      <c r="BH205" s="37">
        <v>0</v>
      </c>
      <c r="BI205" s="37">
        <v>0</v>
      </c>
      <c r="BJ205" s="37">
        <v>0</v>
      </c>
      <c r="BK205">
        <v>0</v>
      </c>
      <c r="BL205">
        <v>6</v>
      </c>
      <c r="BM205" s="37">
        <v>8400</v>
      </c>
      <c r="BN205" s="83">
        <v>18582.68</v>
      </c>
    </row>
    <row r="206" spans="1:66" x14ac:dyDescent="0.3">
      <c r="A206" s="78" t="s">
        <v>106</v>
      </c>
      <c r="B206" s="79">
        <v>83</v>
      </c>
      <c r="C206" s="80"/>
      <c r="D206" t="s">
        <v>343</v>
      </c>
      <c r="E206">
        <v>717</v>
      </c>
      <c r="G206" s="78" t="s">
        <v>106</v>
      </c>
      <c r="H206" s="79">
        <v>83</v>
      </c>
      <c r="I206" s="81" t="s">
        <v>683</v>
      </c>
      <c r="J206" s="81">
        <v>690</v>
      </c>
      <c r="K206" s="82">
        <v>23</v>
      </c>
      <c r="L206">
        <v>83</v>
      </c>
      <c r="M206">
        <v>690</v>
      </c>
      <c r="N206">
        <v>23</v>
      </c>
      <c r="O206" t="s">
        <v>204</v>
      </c>
      <c r="P206">
        <v>2</v>
      </c>
      <c r="Q206">
        <v>44</v>
      </c>
      <c r="R206">
        <v>8</v>
      </c>
      <c r="S206">
        <v>4.5</v>
      </c>
      <c r="T206">
        <v>7</v>
      </c>
      <c r="U206">
        <v>8</v>
      </c>
      <c r="V206">
        <v>0</v>
      </c>
      <c r="W206">
        <v>0</v>
      </c>
      <c r="X206" t="s">
        <v>786</v>
      </c>
      <c r="Y206" t="s">
        <v>787</v>
      </c>
      <c r="Z206" t="s">
        <v>788</v>
      </c>
      <c r="AA206" t="s">
        <v>789</v>
      </c>
      <c r="AB206" t="s">
        <v>790</v>
      </c>
      <c r="AC206" t="s">
        <v>791</v>
      </c>
      <c r="AD206">
        <v>0</v>
      </c>
      <c r="AE206">
        <v>0</v>
      </c>
      <c r="AF206" t="s">
        <v>792</v>
      </c>
      <c r="AG206" t="s">
        <v>784</v>
      </c>
      <c r="AH206" t="s">
        <v>784</v>
      </c>
      <c r="AI206" t="s">
        <v>793</v>
      </c>
      <c r="AJ206" t="s">
        <v>784</v>
      </c>
      <c r="AK206" t="s">
        <v>784</v>
      </c>
      <c r="AL206">
        <v>0</v>
      </c>
      <c r="AM206" s="37">
        <v>0</v>
      </c>
      <c r="AN206" s="37">
        <v>2800</v>
      </c>
      <c r="AO206" s="37">
        <v>5600</v>
      </c>
      <c r="AP206" s="37">
        <v>5600</v>
      </c>
      <c r="AQ206" s="37">
        <v>1400</v>
      </c>
      <c r="AR206" s="37">
        <v>7000</v>
      </c>
      <c r="AS206" s="37">
        <v>0</v>
      </c>
      <c r="AT206" s="37">
        <v>0</v>
      </c>
      <c r="AU206" s="37">
        <v>0</v>
      </c>
      <c r="AV206">
        <v>0</v>
      </c>
      <c r="AW206" t="s">
        <v>794</v>
      </c>
      <c r="AX206">
        <v>0</v>
      </c>
      <c r="AY206">
        <v>0</v>
      </c>
      <c r="AZ206" t="s">
        <v>795</v>
      </c>
      <c r="BA206" t="s">
        <v>795</v>
      </c>
      <c r="BB206">
        <v>0</v>
      </c>
      <c r="BC206" s="37">
        <v>0</v>
      </c>
      <c r="BD206" s="37">
        <v>0</v>
      </c>
      <c r="BE206" s="37">
        <v>5355.68</v>
      </c>
      <c r="BF206" s="37">
        <v>0</v>
      </c>
      <c r="BG206" s="37">
        <v>0</v>
      </c>
      <c r="BH206" s="37">
        <v>4409</v>
      </c>
      <c r="BI206" s="37">
        <v>8818</v>
      </c>
      <c r="BJ206" s="37">
        <v>0</v>
      </c>
      <c r="BK206">
        <v>0</v>
      </c>
      <c r="BL206">
        <v>23</v>
      </c>
      <c r="BM206" s="37">
        <v>22400</v>
      </c>
      <c r="BN206" s="83">
        <v>0</v>
      </c>
    </row>
    <row r="207" spans="1:66" x14ac:dyDescent="0.3">
      <c r="A207" s="78" t="s">
        <v>106</v>
      </c>
      <c r="B207" s="79">
        <v>83</v>
      </c>
      <c r="C207" s="80"/>
      <c r="D207" t="s">
        <v>312</v>
      </c>
      <c r="E207">
        <v>718</v>
      </c>
      <c r="G207" s="78" t="s">
        <v>106</v>
      </c>
      <c r="H207" s="79">
        <v>83</v>
      </c>
      <c r="I207" s="81" t="s">
        <v>273</v>
      </c>
      <c r="J207" s="81">
        <v>616</v>
      </c>
      <c r="K207" s="82">
        <v>2</v>
      </c>
      <c r="L207">
        <v>83</v>
      </c>
      <c r="M207">
        <v>616</v>
      </c>
      <c r="N207">
        <v>2</v>
      </c>
      <c r="O207" t="s">
        <v>204</v>
      </c>
      <c r="P207">
        <v>18</v>
      </c>
      <c r="Q207">
        <v>31</v>
      </c>
      <c r="R207">
        <v>0</v>
      </c>
      <c r="S207">
        <v>0</v>
      </c>
      <c r="T207">
        <v>0</v>
      </c>
      <c r="U207">
        <v>0</v>
      </c>
      <c r="V207">
        <v>0</v>
      </c>
      <c r="W207">
        <v>0</v>
      </c>
      <c r="X207" t="s">
        <v>256</v>
      </c>
      <c r="Y207" t="s">
        <v>256</v>
      </c>
      <c r="Z207">
        <v>0</v>
      </c>
      <c r="AA207">
        <v>0</v>
      </c>
      <c r="AB207">
        <v>0</v>
      </c>
      <c r="AC207">
        <v>0</v>
      </c>
      <c r="AD207">
        <v>0</v>
      </c>
      <c r="AE207">
        <v>0</v>
      </c>
      <c r="AF207" t="s">
        <v>780</v>
      </c>
      <c r="AG207" t="s">
        <v>784</v>
      </c>
      <c r="AH207">
        <v>0</v>
      </c>
      <c r="AI207">
        <v>0</v>
      </c>
      <c r="AJ207">
        <v>0</v>
      </c>
      <c r="AK207">
        <v>0</v>
      </c>
      <c r="AL207">
        <v>0</v>
      </c>
      <c r="AM207" s="37">
        <v>0</v>
      </c>
      <c r="AN207" s="37">
        <v>1400</v>
      </c>
      <c r="AO207" s="37">
        <v>1400</v>
      </c>
      <c r="AP207" s="37">
        <v>0</v>
      </c>
      <c r="AQ207" s="37">
        <v>0</v>
      </c>
      <c r="AR207" s="37">
        <v>0</v>
      </c>
      <c r="AS207" s="37">
        <v>0</v>
      </c>
      <c r="AT207" s="37">
        <v>0</v>
      </c>
      <c r="AU207" s="37">
        <v>0</v>
      </c>
      <c r="AV207">
        <v>0</v>
      </c>
      <c r="AW207">
        <v>0</v>
      </c>
      <c r="AX207">
        <v>0</v>
      </c>
      <c r="AY207">
        <v>0</v>
      </c>
      <c r="AZ207">
        <v>0</v>
      </c>
      <c r="BA207">
        <v>0</v>
      </c>
      <c r="BB207">
        <v>0</v>
      </c>
      <c r="BC207" s="37">
        <v>0</v>
      </c>
      <c r="BD207" s="37">
        <v>0</v>
      </c>
      <c r="BE207" s="37">
        <v>0</v>
      </c>
      <c r="BF207" s="37">
        <v>0</v>
      </c>
      <c r="BG207" s="37">
        <v>0</v>
      </c>
      <c r="BH207" s="37">
        <v>0</v>
      </c>
      <c r="BI207" s="37">
        <v>0</v>
      </c>
      <c r="BJ207" s="37">
        <v>0</v>
      </c>
      <c r="BK207">
        <v>0</v>
      </c>
      <c r="BL207">
        <v>2</v>
      </c>
      <c r="BM207" s="37">
        <v>2800</v>
      </c>
      <c r="BN207" s="83">
        <v>0</v>
      </c>
    </row>
    <row r="208" spans="1:66" x14ac:dyDescent="0.3">
      <c r="A208" s="78" t="s">
        <v>106</v>
      </c>
      <c r="B208" s="79">
        <v>83</v>
      </c>
      <c r="C208" s="80"/>
      <c r="D208" t="s">
        <v>328</v>
      </c>
      <c r="E208">
        <v>719</v>
      </c>
      <c r="G208" s="78" t="s">
        <v>106</v>
      </c>
      <c r="H208" s="79">
        <v>83</v>
      </c>
      <c r="I208" s="81" t="s">
        <v>499</v>
      </c>
      <c r="J208" s="81">
        <v>600</v>
      </c>
      <c r="K208" s="82">
        <v>65</v>
      </c>
      <c r="L208">
        <v>83</v>
      </c>
      <c r="M208">
        <v>600</v>
      </c>
      <c r="N208">
        <v>57</v>
      </c>
      <c r="O208" t="s">
        <v>204</v>
      </c>
      <c r="P208">
        <v>8</v>
      </c>
      <c r="Q208">
        <v>12</v>
      </c>
      <c r="R208">
        <v>20</v>
      </c>
      <c r="S208">
        <v>14</v>
      </c>
      <c r="T208">
        <v>10</v>
      </c>
      <c r="U208">
        <v>15</v>
      </c>
      <c r="V208">
        <v>0</v>
      </c>
      <c r="W208">
        <v>0</v>
      </c>
      <c r="X208" t="s">
        <v>796</v>
      </c>
      <c r="Y208" t="s">
        <v>256</v>
      </c>
      <c r="Z208" t="s">
        <v>256</v>
      </c>
      <c r="AA208" t="s">
        <v>796</v>
      </c>
      <c r="AB208" t="s">
        <v>796</v>
      </c>
      <c r="AC208" t="s">
        <v>256</v>
      </c>
      <c r="AD208">
        <v>0</v>
      </c>
      <c r="AE208">
        <v>0</v>
      </c>
      <c r="AF208" t="s">
        <v>797</v>
      </c>
      <c r="AG208" t="s">
        <v>798</v>
      </c>
      <c r="AH208" t="s">
        <v>798</v>
      </c>
      <c r="AI208" t="s">
        <v>799</v>
      </c>
      <c r="AJ208" t="s">
        <v>800</v>
      </c>
      <c r="AK208" t="s">
        <v>801</v>
      </c>
      <c r="AL208">
        <v>0</v>
      </c>
      <c r="AM208" s="37">
        <v>0</v>
      </c>
      <c r="AN208" s="37">
        <v>43400</v>
      </c>
      <c r="AO208" s="37">
        <v>5600</v>
      </c>
      <c r="AP208" s="37">
        <v>4200</v>
      </c>
      <c r="AQ208" s="37">
        <v>4200</v>
      </c>
      <c r="AR208" s="37">
        <v>16800</v>
      </c>
      <c r="AS208" s="37">
        <v>5600</v>
      </c>
      <c r="AT208" s="37">
        <v>0</v>
      </c>
      <c r="AU208" s="37">
        <v>0</v>
      </c>
      <c r="AV208" t="s">
        <v>802</v>
      </c>
      <c r="AW208">
        <v>0</v>
      </c>
      <c r="AX208" t="s">
        <v>803</v>
      </c>
      <c r="AY208" t="s">
        <v>804</v>
      </c>
      <c r="AZ208" t="s">
        <v>805</v>
      </c>
      <c r="BA208" t="s">
        <v>806</v>
      </c>
      <c r="BB208">
        <v>0</v>
      </c>
      <c r="BC208" s="37">
        <v>0</v>
      </c>
      <c r="BD208" s="37">
        <v>0</v>
      </c>
      <c r="BE208" s="37">
        <v>0</v>
      </c>
      <c r="BF208" s="37">
        <v>0</v>
      </c>
      <c r="BG208" s="37">
        <v>0</v>
      </c>
      <c r="BH208" s="37">
        <v>0</v>
      </c>
      <c r="BI208" s="37">
        <v>0</v>
      </c>
      <c r="BJ208" s="37">
        <v>0</v>
      </c>
      <c r="BK208">
        <v>0</v>
      </c>
      <c r="BL208">
        <v>57</v>
      </c>
      <c r="BM208" s="37">
        <v>79800</v>
      </c>
      <c r="BN208" s="83">
        <v>0</v>
      </c>
    </row>
    <row r="209" spans="1:66" x14ac:dyDescent="0.3">
      <c r="A209" s="78" t="s">
        <v>106</v>
      </c>
      <c r="B209" s="79">
        <v>83</v>
      </c>
      <c r="C209" s="80"/>
      <c r="D209" t="s">
        <v>362</v>
      </c>
      <c r="E209">
        <v>720</v>
      </c>
      <c r="G209" s="78" t="s">
        <v>106</v>
      </c>
      <c r="H209" s="79">
        <v>83</v>
      </c>
      <c r="I209" s="81" t="s">
        <v>322</v>
      </c>
      <c r="J209" s="81">
        <v>722</v>
      </c>
      <c r="K209" s="82">
        <v>1</v>
      </c>
      <c r="AM209" s="37"/>
      <c r="AN209" s="37"/>
      <c r="AO209" s="37"/>
      <c r="AP209" s="37"/>
      <c r="AQ209" s="37"/>
      <c r="AR209" s="37"/>
      <c r="AS209" s="37"/>
      <c r="AT209" s="37"/>
      <c r="AU209" s="37"/>
      <c r="BC209" s="37"/>
      <c r="BD209" s="37"/>
      <c r="BE209" s="37"/>
      <c r="BF209" s="37"/>
      <c r="BG209" s="37"/>
      <c r="BH209" s="37"/>
      <c r="BI209" s="37"/>
      <c r="BJ209" s="37"/>
      <c r="BM209" s="37"/>
      <c r="BN209" s="83"/>
    </row>
    <row r="210" spans="1:66" x14ac:dyDescent="0.3">
      <c r="A210" s="78" t="s">
        <v>107</v>
      </c>
      <c r="B210" s="79">
        <v>84</v>
      </c>
      <c r="C210" s="80"/>
      <c r="D210" t="s">
        <v>356</v>
      </c>
      <c r="E210">
        <v>721</v>
      </c>
      <c r="G210" s="78" t="s">
        <v>107</v>
      </c>
      <c r="H210" s="79">
        <v>84</v>
      </c>
      <c r="I210" s="81" t="s">
        <v>158</v>
      </c>
      <c r="J210" s="81">
        <v>1071</v>
      </c>
      <c r="K210" s="82">
        <v>83</v>
      </c>
      <c r="AM210" s="37"/>
      <c r="AN210" s="37"/>
      <c r="AO210" s="37"/>
      <c r="AP210" s="37"/>
      <c r="AQ210" s="37"/>
      <c r="AR210" s="37"/>
      <c r="AS210" s="37"/>
      <c r="AT210" s="37"/>
      <c r="AU210" s="37"/>
      <c r="BC210" s="37"/>
      <c r="BD210" s="37"/>
      <c r="BE210" s="37"/>
      <c r="BF210" s="37"/>
      <c r="BG210" s="37"/>
      <c r="BH210" s="37"/>
      <c r="BI210" s="37"/>
      <c r="BJ210" s="37"/>
      <c r="BM210" s="37"/>
      <c r="BN210" s="83"/>
    </row>
    <row r="211" spans="1:66" x14ac:dyDescent="0.3">
      <c r="A211" s="78" t="s">
        <v>107</v>
      </c>
      <c r="B211" s="79">
        <v>84</v>
      </c>
      <c r="C211" s="80"/>
      <c r="D211" t="s">
        <v>322</v>
      </c>
      <c r="E211">
        <v>722</v>
      </c>
      <c r="G211" s="78" t="s">
        <v>107</v>
      </c>
      <c r="H211" s="79">
        <v>84</v>
      </c>
      <c r="I211" s="81" t="s">
        <v>595</v>
      </c>
      <c r="J211" s="81">
        <v>630</v>
      </c>
      <c r="K211" s="82"/>
      <c r="L211" s="11">
        <v>84</v>
      </c>
      <c r="M211" s="11">
        <v>630</v>
      </c>
      <c r="N211" s="11">
        <v>73</v>
      </c>
      <c r="O211" s="11" t="s">
        <v>259</v>
      </c>
      <c r="P211" s="11">
        <v>4.0999999999999996</v>
      </c>
      <c r="Q211" s="11">
        <v>5</v>
      </c>
      <c r="R211" s="11">
        <v>0</v>
      </c>
      <c r="S211" s="11">
        <v>0</v>
      </c>
      <c r="T211" s="11">
        <v>0</v>
      </c>
      <c r="U211" s="11">
        <v>0</v>
      </c>
      <c r="V211" s="11">
        <v>0</v>
      </c>
      <c r="W211" s="11">
        <v>0</v>
      </c>
      <c r="X211" s="11" t="s">
        <v>256</v>
      </c>
      <c r="Y211" s="11" t="s">
        <v>256</v>
      </c>
      <c r="Z211" s="11">
        <v>0</v>
      </c>
      <c r="AA211" s="11">
        <v>0</v>
      </c>
      <c r="AB211" s="11">
        <v>0</v>
      </c>
      <c r="AC211" s="11">
        <v>0</v>
      </c>
      <c r="AD211" s="11">
        <v>0</v>
      </c>
      <c r="AE211" s="11">
        <v>0</v>
      </c>
      <c r="AF211" s="11" t="s">
        <v>807</v>
      </c>
      <c r="AG211" s="11" t="s">
        <v>807</v>
      </c>
      <c r="AH211" s="11">
        <v>0</v>
      </c>
      <c r="AI211" s="11">
        <v>0</v>
      </c>
      <c r="AJ211" s="11">
        <v>0</v>
      </c>
      <c r="AK211" s="11">
        <v>0</v>
      </c>
      <c r="AL211" s="11">
        <v>0</v>
      </c>
      <c r="AM211" s="11">
        <v>0</v>
      </c>
      <c r="AN211" s="83">
        <v>15000</v>
      </c>
      <c r="AO211" s="83">
        <v>15000</v>
      </c>
      <c r="AP211" s="83">
        <v>0</v>
      </c>
      <c r="AQ211" s="83">
        <v>0</v>
      </c>
      <c r="AR211" s="83">
        <v>0</v>
      </c>
      <c r="AS211" s="83">
        <v>0</v>
      </c>
      <c r="AT211" s="83">
        <v>0</v>
      </c>
      <c r="AU211" s="83">
        <v>0</v>
      </c>
      <c r="AV211" s="11">
        <v>0</v>
      </c>
      <c r="AW211" s="11">
        <v>0</v>
      </c>
      <c r="AX211" s="11">
        <v>0</v>
      </c>
      <c r="AY211" s="11">
        <v>0</v>
      </c>
      <c r="AZ211" s="11">
        <v>0</v>
      </c>
      <c r="BA211" s="11">
        <v>0</v>
      </c>
      <c r="BB211" s="11">
        <v>0</v>
      </c>
      <c r="BC211" s="11">
        <v>0</v>
      </c>
      <c r="BD211" s="11">
        <v>0</v>
      </c>
      <c r="BE211" s="11">
        <v>0</v>
      </c>
      <c r="BF211" s="11">
        <v>0</v>
      </c>
      <c r="BG211" s="11">
        <v>0</v>
      </c>
      <c r="BH211" s="11">
        <v>0</v>
      </c>
      <c r="BI211" s="11">
        <v>0</v>
      </c>
      <c r="BJ211" s="11">
        <v>0</v>
      </c>
      <c r="BK211" s="11">
        <v>0</v>
      </c>
      <c r="BL211" s="11">
        <v>73</v>
      </c>
      <c r="BM211" s="83">
        <v>30000</v>
      </c>
      <c r="BN211" s="83">
        <v>0</v>
      </c>
    </row>
    <row r="212" spans="1:66" x14ac:dyDescent="0.3">
      <c r="A212" s="78" t="s">
        <v>107</v>
      </c>
      <c r="B212" s="79">
        <v>84</v>
      </c>
      <c r="C212" s="80"/>
      <c r="D212" t="s">
        <v>322</v>
      </c>
      <c r="E212">
        <v>722</v>
      </c>
      <c r="G212" s="78" t="s">
        <v>107</v>
      </c>
      <c r="H212" s="79">
        <v>84</v>
      </c>
      <c r="I212" s="81" t="s">
        <v>67</v>
      </c>
      <c r="J212" s="81">
        <v>639</v>
      </c>
      <c r="K212" s="82"/>
      <c r="L212" s="11">
        <v>84</v>
      </c>
      <c r="M212" s="11">
        <v>639</v>
      </c>
      <c r="N212" s="11">
        <v>3</v>
      </c>
      <c r="O212" s="11" t="s">
        <v>259</v>
      </c>
      <c r="P212" s="11">
        <v>12.6</v>
      </c>
      <c r="Q212" s="11">
        <v>0</v>
      </c>
      <c r="R212" s="11">
        <v>0</v>
      </c>
      <c r="S212" s="11">
        <v>0</v>
      </c>
      <c r="T212" s="11">
        <v>0</v>
      </c>
      <c r="U212" s="11">
        <v>0</v>
      </c>
      <c r="V212" s="11">
        <v>0</v>
      </c>
      <c r="W212" s="11">
        <v>0</v>
      </c>
      <c r="X212" s="11" t="s">
        <v>421</v>
      </c>
      <c r="Y212" s="11">
        <v>0</v>
      </c>
      <c r="Z212" s="11">
        <v>0</v>
      </c>
      <c r="AA212" s="11">
        <v>0</v>
      </c>
      <c r="AB212" s="11">
        <v>0</v>
      </c>
      <c r="AC212" s="11">
        <v>0</v>
      </c>
      <c r="AD212" s="11">
        <v>0</v>
      </c>
      <c r="AE212" s="11">
        <v>0</v>
      </c>
      <c r="AF212" s="11" t="s">
        <v>808</v>
      </c>
      <c r="AG212" s="11">
        <v>0</v>
      </c>
      <c r="AH212" s="11">
        <v>0</v>
      </c>
      <c r="AI212" s="11">
        <v>0</v>
      </c>
      <c r="AJ212" s="11">
        <v>0</v>
      </c>
      <c r="AK212" s="11">
        <v>0</v>
      </c>
      <c r="AL212" s="11">
        <v>0</v>
      </c>
      <c r="AM212" s="11">
        <v>0</v>
      </c>
      <c r="AN212" s="83">
        <v>15000</v>
      </c>
      <c r="AO212" s="83">
        <v>0</v>
      </c>
      <c r="AP212" s="83">
        <v>0</v>
      </c>
      <c r="AQ212" s="83">
        <v>0</v>
      </c>
      <c r="AR212" s="83">
        <v>0</v>
      </c>
      <c r="AS212" s="83">
        <v>0</v>
      </c>
      <c r="AT212" s="83">
        <v>0</v>
      </c>
      <c r="AU212" s="83">
        <v>0</v>
      </c>
      <c r="AV212" s="11">
        <v>0</v>
      </c>
      <c r="AW212" s="11">
        <v>0</v>
      </c>
      <c r="AX212" s="11">
        <v>0</v>
      </c>
      <c r="AY212" s="11">
        <v>0</v>
      </c>
      <c r="AZ212" s="11">
        <v>0</v>
      </c>
      <c r="BA212" s="11">
        <v>0</v>
      </c>
      <c r="BB212" s="11">
        <v>0</v>
      </c>
      <c r="BC212" s="11">
        <v>0</v>
      </c>
      <c r="BD212" s="11">
        <v>0</v>
      </c>
      <c r="BE212" s="11">
        <v>0</v>
      </c>
      <c r="BF212" s="11">
        <v>0</v>
      </c>
      <c r="BG212" s="11">
        <v>0</v>
      </c>
      <c r="BH212" s="11">
        <v>0</v>
      </c>
      <c r="BI212" s="11">
        <v>0</v>
      </c>
      <c r="BJ212" s="11">
        <v>0</v>
      </c>
      <c r="BK212" s="11">
        <v>0</v>
      </c>
      <c r="BL212" s="11">
        <v>3</v>
      </c>
      <c r="BM212" s="83">
        <v>15000</v>
      </c>
      <c r="BN212" s="83">
        <v>0</v>
      </c>
    </row>
    <row r="213" spans="1:66" x14ac:dyDescent="0.3">
      <c r="A213" s="78" t="s">
        <v>107</v>
      </c>
      <c r="B213" s="79">
        <v>84</v>
      </c>
      <c r="C213" s="80"/>
      <c r="D213" t="s">
        <v>322</v>
      </c>
      <c r="E213">
        <v>722</v>
      </c>
      <c r="G213" s="78" t="s">
        <v>107</v>
      </c>
      <c r="H213" s="79">
        <v>84</v>
      </c>
      <c r="I213" s="81" t="s">
        <v>66</v>
      </c>
      <c r="J213" s="81">
        <v>634</v>
      </c>
      <c r="K213" s="82"/>
      <c r="L213" s="11">
        <v>84</v>
      </c>
      <c r="M213" s="11">
        <v>634</v>
      </c>
      <c r="N213" s="11">
        <v>31</v>
      </c>
      <c r="O213" s="11" t="s">
        <v>259</v>
      </c>
      <c r="P213" s="11">
        <v>1</v>
      </c>
      <c r="Q213" s="11">
        <v>5</v>
      </c>
      <c r="R213" s="11">
        <v>0</v>
      </c>
      <c r="S213" s="11">
        <v>0</v>
      </c>
      <c r="T213" s="11">
        <v>0</v>
      </c>
      <c r="U213" s="11">
        <v>0</v>
      </c>
      <c r="V213" s="11">
        <v>0</v>
      </c>
      <c r="W213" s="11">
        <v>0</v>
      </c>
      <c r="X213" s="11" t="s">
        <v>421</v>
      </c>
      <c r="Y213" s="11" t="s">
        <v>256</v>
      </c>
      <c r="Z213" s="11">
        <v>0</v>
      </c>
      <c r="AA213" s="11">
        <v>0</v>
      </c>
      <c r="AB213" s="11">
        <v>0</v>
      </c>
      <c r="AC213" s="11">
        <v>0</v>
      </c>
      <c r="AD213" s="11">
        <v>0</v>
      </c>
      <c r="AE213" s="11">
        <v>0</v>
      </c>
      <c r="AF213" s="11" t="s">
        <v>808</v>
      </c>
      <c r="AG213" s="11" t="s">
        <v>807</v>
      </c>
      <c r="AH213" s="11">
        <v>0</v>
      </c>
      <c r="AI213" s="11">
        <v>0</v>
      </c>
      <c r="AJ213" s="11">
        <v>0</v>
      </c>
      <c r="AK213" s="11">
        <v>0</v>
      </c>
      <c r="AL213" s="11">
        <v>0</v>
      </c>
      <c r="AM213" s="11">
        <v>0</v>
      </c>
      <c r="AN213" s="83">
        <v>15000</v>
      </c>
      <c r="AO213" s="83">
        <v>825</v>
      </c>
      <c r="AP213" s="83">
        <v>0</v>
      </c>
      <c r="AQ213" s="83">
        <v>0</v>
      </c>
      <c r="AR213" s="83">
        <v>0</v>
      </c>
      <c r="AS213" s="83">
        <v>0</v>
      </c>
      <c r="AT213" s="83">
        <v>0</v>
      </c>
      <c r="AU213" s="83">
        <v>0</v>
      </c>
      <c r="AV213" s="11">
        <v>0</v>
      </c>
      <c r="AW213" s="11">
        <v>0</v>
      </c>
      <c r="AX213" s="11">
        <v>0</v>
      </c>
      <c r="AY213" s="11">
        <v>0</v>
      </c>
      <c r="AZ213" s="11">
        <v>0</v>
      </c>
      <c r="BA213" s="11">
        <v>0</v>
      </c>
      <c r="BB213" s="11">
        <v>0</v>
      </c>
      <c r="BC213" s="11">
        <v>0</v>
      </c>
      <c r="BD213" s="11">
        <v>0</v>
      </c>
      <c r="BE213" s="11">
        <v>0</v>
      </c>
      <c r="BF213" s="11">
        <v>0</v>
      </c>
      <c r="BG213" s="11">
        <v>0</v>
      </c>
      <c r="BH213" s="11">
        <v>0</v>
      </c>
      <c r="BI213" s="11">
        <v>0</v>
      </c>
      <c r="BJ213" s="11">
        <v>0</v>
      </c>
      <c r="BK213" s="11">
        <v>0</v>
      </c>
      <c r="BL213" s="11">
        <v>31</v>
      </c>
      <c r="BM213" s="83">
        <v>15825</v>
      </c>
      <c r="BN213" s="83">
        <v>41320</v>
      </c>
    </row>
    <row r="214" spans="1:66" x14ac:dyDescent="0.3">
      <c r="A214" s="78" t="s">
        <v>107</v>
      </c>
      <c r="B214" s="79">
        <v>84</v>
      </c>
      <c r="C214" s="80"/>
      <c r="D214" t="s">
        <v>322</v>
      </c>
      <c r="E214">
        <v>722</v>
      </c>
      <c r="G214" s="78" t="s">
        <v>107</v>
      </c>
      <c r="H214" s="79">
        <v>84</v>
      </c>
      <c r="I214" s="81" t="s">
        <v>615</v>
      </c>
      <c r="J214" s="81">
        <v>638</v>
      </c>
      <c r="K214" s="82"/>
      <c r="L214" s="11">
        <v>84</v>
      </c>
      <c r="M214" s="11">
        <v>638</v>
      </c>
      <c r="N214" s="11">
        <v>2</v>
      </c>
      <c r="O214" s="11" t="s">
        <v>259</v>
      </c>
      <c r="P214" s="11">
        <v>0.4</v>
      </c>
      <c r="Q214" s="11">
        <v>5</v>
      </c>
      <c r="R214" s="11">
        <v>0</v>
      </c>
      <c r="S214" s="11">
        <v>0</v>
      </c>
      <c r="T214" s="11">
        <v>0</v>
      </c>
      <c r="U214" s="11">
        <v>0</v>
      </c>
      <c r="V214" s="11">
        <v>0</v>
      </c>
      <c r="W214" s="11">
        <v>0</v>
      </c>
      <c r="X214" s="11" t="s">
        <v>809</v>
      </c>
      <c r="Y214" s="11" t="s">
        <v>256</v>
      </c>
      <c r="Z214" s="11">
        <v>0</v>
      </c>
      <c r="AA214" s="11">
        <v>0</v>
      </c>
      <c r="AB214" s="11">
        <v>0</v>
      </c>
      <c r="AC214" s="11">
        <v>0</v>
      </c>
      <c r="AD214" s="11">
        <v>0</v>
      </c>
      <c r="AE214" s="11">
        <v>0</v>
      </c>
      <c r="AF214" s="11" t="s">
        <v>656</v>
      </c>
      <c r="AG214" s="11" t="s">
        <v>807</v>
      </c>
      <c r="AH214" s="11">
        <v>0</v>
      </c>
      <c r="AI214" s="11">
        <v>0</v>
      </c>
      <c r="AJ214" s="11">
        <v>0</v>
      </c>
      <c r="AK214" s="11">
        <v>0</v>
      </c>
      <c r="AL214" s="11">
        <v>0</v>
      </c>
      <c r="AM214" s="11">
        <v>0</v>
      </c>
      <c r="AN214" s="83">
        <v>0</v>
      </c>
      <c r="AO214" s="83">
        <v>825</v>
      </c>
      <c r="AP214" s="83">
        <v>0</v>
      </c>
      <c r="AQ214" s="83">
        <v>0</v>
      </c>
      <c r="AR214" s="83">
        <v>0</v>
      </c>
      <c r="AS214" s="83">
        <v>0</v>
      </c>
      <c r="AT214" s="83">
        <v>0</v>
      </c>
      <c r="AU214" s="83">
        <v>0</v>
      </c>
      <c r="AV214" s="11">
        <v>0</v>
      </c>
      <c r="AW214" s="11">
        <v>0</v>
      </c>
      <c r="AX214" s="11">
        <v>0</v>
      </c>
      <c r="AY214" s="11">
        <v>0</v>
      </c>
      <c r="AZ214" s="11">
        <v>0</v>
      </c>
      <c r="BA214" s="11">
        <v>0</v>
      </c>
      <c r="BB214" s="11">
        <v>0</v>
      </c>
      <c r="BC214" s="11">
        <v>0</v>
      </c>
      <c r="BD214" s="11">
        <v>0</v>
      </c>
      <c r="BE214" s="11">
        <v>0</v>
      </c>
      <c r="BF214" s="11">
        <v>0</v>
      </c>
      <c r="BG214" s="11">
        <v>0</v>
      </c>
      <c r="BH214" s="11">
        <v>0</v>
      </c>
      <c r="BI214" s="11">
        <v>0</v>
      </c>
      <c r="BJ214" s="11">
        <v>0</v>
      </c>
      <c r="BK214" s="11">
        <v>0</v>
      </c>
      <c r="BL214" s="11">
        <v>40</v>
      </c>
      <c r="BM214" s="83">
        <v>825</v>
      </c>
      <c r="BN214" s="83">
        <v>0</v>
      </c>
    </row>
    <row r="215" spans="1:66" x14ac:dyDescent="0.3">
      <c r="A215" s="78" t="s">
        <v>108</v>
      </c>
      <c r="B215" s="79">
        <v>85</v>
      </c>
      <c r="C215" s="80"/>
      <c r="D215" t="s">
        <v>322</v>
      </c>
      <c r="E215">
        <v>722</v>
      </c>
      <c r="G215" s="78" t="s">
        <v>108</v>
      </c>
      <c r="H215" s="79">
        <v>85</v>
      </c>
      <c r="I215" s="81" t="s">
        <v>614</v>
      </c>
      <c r="J215" s="81">
        <v>636</v>
      </c>
      <c r="K215" s="82">
        <v>2</v>
      </c>
      <c r="L215" s="11"/>
      <c r="M215" s="11"/>
      <c r="N215" s="11"/>
      <c r="O215" s="11"/>
      <c r="P215" s="11"/>
      <c r="Q215" s="11"/>
      <c r="R215" s="11"/>
      <c r="S215" s="11"/>
      <c r="T215" s="11"/>
      <c r="U215" s="11"/>
      <c r="V215" s="11"/>
      <c r="W215" s="11"/>
      <c r="X215" s="11"/>
      <c r="Y215" s="11"/>
      <c r="Z215" s="11"/>
      <c r="AA215" s="11"/>
      <c r="AB215" s="11"/>
      <c r="AC215" s="11"/>
      <c r="AD215" s="11"/>
      <c r="AE215" s="11"/>
      <c r="AF215" s="11"/>
      <c r="AG215" s="11"/>
      <c r="AH215" s="11"/>
      <c r="AI215" s="11"/>
      <c r="AJ215" s="11"/>
      <c r="AK215" s="11"/>
      <c r="AL215" s="11"/>
      <c r="AM215" s="11"/>
      <c r="AN215" s="83"/>
      <c r="AO215" s="83"/>
      <c r="AP215" s="83"/>
      <c r="AQ215" s="83"/>
      <c r="AR215" s="83"/>
      <c r="AS215" s="83"/>
      <c r="AT215" s="83"/>
      <c r="AU215" s="83"/>
      <c r="AV215" s="11"/>
      <c r="AW215" s="11"/>
      <c r="AX215" s="11"/>
      <c r="AY215" s="11"/>
      <c r="AZ215" s="11"/>
      <c r="BA215" s="11"/>
      <c r="BB215" s="11"/>
      <c r="BC215" s="11"/>
      <c r="BD215" s="11"/>
      <c r="BE215" s="11"/>
      <c r="BF215" s="11"/>
      <c r="BG215" s="11"/>
      <c r="BH215" s="11"/>
      <c r="BI215" s="11"/>
      <c r="BJ215" s="11"/>
      <c r="BK215" s="11"/>
      <c r="BL215" s="11"/>
      <c r="BM215" s="83"/>
      <c r="BN215" s="83"/>
    </row>
    <row r="216" spans="1:66" x14ac:dyDescent="0.3">
      <c r="A216" s="78" t="s">
        <v>108</v>
      </c>
      <c r="B216" s="79">
        <v>85</v>
      </c>
      <c r="C216" s="80"/>
      <c r="D216" t="s">
        <v>322</v>
      </c>
      <c r="E216">
        <v>722</v>
      </c>
      <c r="G216" s="78" t="s">
        <v>108</v>
      </c>
      <c r="H216" s="79">
        <v>85</v>
      </c>
      <c r="I216" s="81" t="s">
        <v>810</v>
      </c>
      <c r="J216" s="81">
        <v>724</v>
      </c>
      <c r="K216" s="82">
        <v>76</v>
      </c>
      <c r="L216" s="11">
        <v>85</v>
      </c>
      <c r="M216" s="11">
        <v>724</v>
      </c>
      <c r="N216" s="11">
        <v>102</v>
      </c>
      <c r="O216" s="11" t="s">
        <v>259</v>
      </c>
      <c r="P216" s="11">
        <v>1.5</v>
      </c>
      <c r="Q216" s="11">
        <v>0.5</v>
      </c>
      <c r="R216" s="11">
        <v>2</v>
      </c>
      <c r="S216" s="11">
        <v>0</v>
      </c>
      <c r="T216" s="11">
        <v>0</v>
      </c>
      <c r="U216" s="11">
        <v>0</v>
      </c>
      <c r="V216" s="11">
        <v>0</v>
      </c>
      <c r="W216" s="11">
        <v>0</v>
      </c>
      <c r="X216" s="11" t="s">
        <v>256</v>
      </c>
      <c r="Y216" s="11" t="s">
        <v>256</v>
      </c>
      <c r="Z216" s="11" t="s">
        <v>256</v>
      </c>
      <c r="AA216" s="11">
        <v>0</v>
      </c>
      <c r="AB216" s="11">
        <v>0</v>
      </c>
      <c r="AC216" s="11">
        <v>0</v>
      </c>
      <c r="AD216" s="11">
        <v>0</v>
      </c>
      <c r="AE216" s="11">
        <v>0</v>
      </c>
      <c r="AF216" s="11">
        <v>0</v>
      </c>
      <c r="AG216" s="11">
        <v>0</v>
      </c>
      <c r="AH216" s="11">
        <v>0</v>
      </c>
      <c r="AI216" s="11">
        <v>0</v>
      </c>
      <c r="AJ216" s="11">
        <v>0</v>
      </c>
      <c r="AK216" s="11">
        <v>0</v>
      </c>
      <c r="AL216" s="11">
        <v>0</v>
      </c>
      <c r="AM216" s="11">
        <v>0</v>
      </c>
      <c r="AN216" s="83">
        <v>0</v>
      </c>
      <c r="AO216" s="83">
        <v>0</v>
      </c>
      <c r="AP216" s="83">
        <v>0</v>
      </c>
      <c r="AQ216" s="83">
        <v>0</v>
      </c>
      <c r="AR216" s="83">
        <v>0</v>
      </c>
      <c r="AS216" s="83">
        <v>0</v>
      </c>
      <c r="AT216" s="83">
        <v>0</v>
      </c>
      <c r="AU216" s="83">
        <v>0</v>
      </c>
      <c r="AV216" s="11" t="s">
        <v>811</v>
      </c>
      <c r="AW216" s="11">
        <v>0</v>
      </c>
      <c r="AX216" s="11" t="s">
        <v>812</v>
      </c>
      <c r="AY216" s="11">
        <v>0</v>
      </c>
      <c r="AZ216" s="11">
        <v>0</v>
      </c>
      <c r="BA216" s="11">
        <v>0</v>
      </c>
      <c r="BB216" s="11">
        <v>0</v>
      </c>
      <c r="BC216" s="11">
        <v>0</v>
      </c>
      <c r="BD216" s="11">
        <v>41320</v>
      </c>
      <c r="BE216" s="11">
        <v>0</v>
      </c>
      <c r="BF216" s="11">
        <v>0</v>
      </c>
      <c r="BG216" s="11">
        <v>0</v>
      </c>
      <c r="BH216" s="11">
        <v>0</v>
      </c>
      <c r="BI216" s="11">
        <v>0</v>
      </c>
      <c r="BJ216" s="11">
        <v>0</v>
      </c>
      <c r="BK216" s="11">
        <v>0</v>
      </c>
      <c r="BL216" s="11">
        <v>102</v>
      </c>
      <c r="BM216" s="83">
        <v>0</v>
      </c>
      <c r="BN216" s="83">
        <v>0</v>
      </c>
    </row>
    <row r="217" spans="1:66" x14ac:dyDescent="0.3">
      <c r="A217" s="78" t="s">
        <v>108</v>
      </c>
      <c r="B217" s="79">
        <v>85</v>
      </c>
      <c r="C217" s="80"/>
      <c r="D217" t="s">
        <v>322</v>
      </c>
      <c r="E217">
        <v>722</v>
      </c>
      <c r="G217" s="78" t="s">
        <v>108</v>
      </c>
      <c r="H217" s="79">
        <v>85</v>
      </c>
      <c r="I217" s="81" t="s">
        <v>594</v>
      </c>
      <c r="J217" s="81">
        <v>626</v>
      </c>
      <c r="K217" s="82">
        <v>36</v>
      </c>
      <c r="L217" s="11">
        <v>85</v>
      </c>
      <c r="M217" s="11">
        <v>626</v>
      </c>
      <c r="N217" s="11">
        <v>42</v>
      </c>
      <c r="O217" s="11" t="s">
        <v>259</v>
      </c>
      <c r="P217" s="11">
        <v>10</v>
      </c>
      <c r="Q217" s="11">
        <v>10</v>
      </c>
      <c r="R217" s="11">
        <v>2.5</v>
      </c>
      <c r="S217" s="11">
        <v>10.5</v>
      </c>
      <c r="T217" s="11">
        <v>0</v>
      </c>
      <c r="U217" s="11">
        <v>0</v>
      </c>
      <c r="V217" s="11">
        <v>0</v>
      </c>
      <c r="W217" s="11">
        <v>0</v>
      </c>
      <c r="X217" s="11" t="s">
        <v>256</v>
      </c>
      <c r="Y217" s="11" t="s">
        <v>256</v>
      </c>
      <c r="Z217" s="11" t="s">
        <v>256</v>
      </c>
      <c r="AA217" s="11" t="s">
        <v>256</v>
      </c>
      <c r="AB217" s="11">
        <v>0</v>
      </c>
      <c r="AC217" s="11">
        <v>0</v>
      </c>
      <c r="AD217" s="11">
        <v>0</v>
      </c>
      <c r="AE217" s="11">
        <v>0</v>
      </c>
      <c r="AF217" s="11" t="s">
        <v>813</v>
      </c>
      <c r="AG217" s="11" t="s">
        <v>813</v>
      </c>
      <c r="AH217" s="11" t="s">
        <v>813</v>
      </c>
      <c r="AI217" s="11" t="s">
        <v>813</v>
      </c>
      <c r="AJ217" s="11">
        <v>0</v>
      </c>
      <c r="AK217" s="11">
        <v>0</v>
      </c>
      <c r="AL217" s="11">
        <v>0</v>
      </c>
      <c r="AM217" s="11">
        <v>0</v>
      </c>
      <c r="AN217" s="83">
        <v>1000</v>
      </c>
      <c r="AO217" s="83">
        <v>5000</v>
      </c>
      <c r="AP217" s="83">
        <v>17000</v>
      </c>
      <c r="AQ217" s="83">
        <v>19000</v>
      </c>
      <c r="AR217" s="83">
        <v>0</v>
      </c>
      <c r="AS217" s="83">
        <v>0</v>
      </c>
      <c r="AT217" s="83">
        <v>0</v>
      </c>
      <c r="AU217" s="83">
        <v>0</v>
      </c>
      <c r="AV217" s="11">
        <v>0</v>
      </c>
      <c r="AW217" s="11">
        <v>0</v>
      </c>
      <c r="AX217" s="11">
        <v>0</v>
      </c>
      <c r="AY217" s="11">
        <v>0</v>
      </c>
      <c r="AZ217" s="11">
        <v>0</v>
      </c>
      <c r="BA217" s="11">
        <v>0</v>
      </c>
      <c r="BB217" s="11">
        <v>0</v>
      </c>
      <c r="BC217" s="11">
        <v>0</v>
      </c>
      <c r="BD217" s="11">
        <v>0</v>
      </c>
      <c r="BE217" s="11">
        <v>0</v>
      </c>
      <c r="BF217" s="11">
        <v>0</v>
      </c>
      <c r="BG217" s="11">
        <v>0</v>
      </c>
      <c r="BH217" s="11">
        <v>0</v>
      </c>
      <c r="BI217" s="11">
        <v>0</v>
      </c>
      <c r="BJ217" s="11">
        <v>0</v>
      </c>
      <c r="BK217" s="11">
        <v>0</v>
      </c>
      <c r="BL217" s="11">
        <v>42</v>
      </c>
      <c r="BM217" s="83">
        <v>42000</v>
      </c>
      <c r="BN217" s="83">
        <v>0</v>
      </c>
    </row>
    <row r="218" spans="1:66" x14ac:dyDescent="0.3">
      <c r="A218" s="78" t="s">
        <v>108</v>
      </c>
      <c r="B218" s="79">
        <v>85</v>
      </c>
      <c r="C218" s="80"/>
      <c r="D218" t="s">
        <v>322</v>
      </c>
      <c r="E218">
        <v>722</v>
      </c>
      <c r="G218" s="78" t="s">
        <v>108</v>
      </c>
      <c r="H218" s="79">
        <v>85</v>
      </c>
      <c r="I218" s="81" t="s">
        <v>600</v>
      </c>
      <c r="J218" s="81">
        <v>631</v>
      </c>
      <c r="K218" s="82">
        <v>36</v>
      </c>
      <c r="L218" s="11">
        <v>85</v>
      </c>
      <c r="M218" s="11">
        <v>631</v>
      </c>
      <c r="N218" s="11">
        <v>46</v>
      </c>
      <c r="O218" s="11" t="s">
        <v>259</v>
      </c>
      <c r="P218" s="11">
        <v>1.5</v>
      </c>
      <c r="Q218" s="11">
        <v>14</v>
      </c>
      <c r="R218" s="11">
        <v>0</v>
      </c>
      <c r="S218" s="11">
        <v>0</v>
      </c>
      <c r="T218" s="11">
        <v>0</v>
      </c>
      <c r="U218" s="11">
        <v>0</v>
      </c>
      <c r="V218" s="11">
        <v>0</v>
      </c>
      <c r="W218" s="11">
        <v>0</v>
      </c>
      <c r="X218" s="11" t="s">
        <v>814</v>
      </c>
      <c r="Y218" s="11" t="s">
        <v>706</v>
      </c>
      <c r="Z218" s="11">
        <v>0</v>
      </c>
      <c r="AA218" s="11">
        <v>0</v>
      </c>
      <c r="AB218" s="11">
        <v>0</v>
      </c>
      <c r="AC218" s="11">
        <v>0</v>
      </c>
      <c r="AD218" s="11">
        <v>0</v>
      </c>
      <c r="AE218" s="11">
        <v>0</v>
      </c>
      <c r="AF218" s="11" t="s">
        <v>815</v>
      </c>
      <c r="AG218" s="11" t="s">
        <v>816</v>
      </c>
      <c r="AH218" s="11">
        <v>0</v>
      </c>
      <c r="AI218" s="11">
        <v>0</v>
      </c>
      <c r="AJ218" s="11">
        <v>0</v>
      </c>
      <c r="AK218" s="11">
        <v>0</v>
      </c>
      <c r="AL218" s="11">
        <v>0</v>
      </c>
      <c r="AM218" s="11">
        <v>0</v>
      </c>
      <c r="AN218" s="83">
        <v>13000</v>
      </c>
      <c r="AO218" s="83">
        <v>33000</v>
      </c>
      <c r="AP218" s="83">
        <v>0</v>
      </c>
      <c r="AQ218" s="83">
        <v>0</v>
      </c>
      <c r="AR218" s="83">
        <v>0</v>
      </c>
      <c r="AS218" s="83">
        <v>0</v>
      </c>
      <c r="AT218" s="83">
        <v>0</v>
      </c>
      <c r="AU218" s="83">
        <v>0</v>
      </c>
      <c r="AV218" s="11">
        <v>0</v>
      </c>
      <c r="AW218" s="11">
        <v>0</v>
      </c>
      <c r="AX218" s="11">
        <v>0</v>
      </c>
      <c r="AY218" s="11">
        <v>0</v>
      </c>
      <c r="AZ218" s="11">
        <v>0</v>
      </c>
      <c r="BA218" s="11">
        <v>0</v>
      </c>
      <c r="BB218" s="11">
        <v>0</v>
      </c>
      <c r="BC218" s="11">
        <v>0</v>
      </c>
      <c r="BD218" s="11">
        <v>0</v>
      </c>
      <c r="BE218" s="11">
        <v>0</v>
      </c>
      <c r="BF218" s="11">
        <v>0</v>
      </c>
      <c r="BG218" s="11">
        <v>0</v>
      </c>
      <c r="BH218" s="11">
        <v>0</v>
      </c>
      <c r="BI218" s="11">
        <v>0</v>
      </c>
      <c r="BJ218" s="11">
        <v>0</v>
      </c>
      <c r="BK218" s="11">
        <v>0</v>
      </c>
      <c r="BL218" s="11">
        <v>46</v>
      </c>
      <c r="BM218" s="83">
        <v>46000</v>
      </c>
      <c r="BN218" s="83">
        <v>13012</v>
      </c>
    </row>
    <row r="219" spans="1:66" x14ac:dyDescent="0.3">
      <c r="A219" s="78" t="s">
        <v>108</v>
      </c>
      <c r="B219" s="79">
        <v>85</v>
      </c>
      <c r="C219" s="80"/>
      <c r="D219" t="s">
        <v>322</v>
      </c>
      <c r="E219">
        <v>722</v>
      </c>
      <c r="G219" s="78" t="s">
        <v>108</v>
      </c>
      <c r="H219" s="79">
        <v>85</v>
      </c>
      <c r="I219" s="81" t="s">
        <v>602</v>
      </c>
      <c r="J219" s="81">
        <v>633</v>
      </c>
      <c r="K219" s="82">
        <v>18</v>
      </c>
      <c r="L219" s="11">
        <v>85</v>
      </c>
      <c r="M219" s="11">
        <v>633</v>
      </c>
      <c r="N219" s="11">
        <v>31</v>
      </c>
      <c r="O219" s="11" t="s">
        <v>259</v>
      </c>
      <c r="P219" s="11">
        <v>18</v>
      </c>
      <c r="Q219" s="11">
        <v>17</v>
      </c>
      <c r="R219" s="11">
        <v>0</v>
      </c>
      <c r="S219" s="11">
        <v>0</v>
      </c>
      <c r="T219" s="11">
        <v>0</v>
      </c>
      <c r="U219" s="11">
        <v>0</v>
      </c>
      <c r="V219" s="11">
        <v>0</v>
      </c>
      <c r="W219" s="11">
        <v>0</v>
      </c>
      <c r="X219" s="11" t="s">
        <v>256</v>
      </c>
      <c r="Y219" s="11" t="s">
        <v>256</v>
      </c>
      <c r="Z219" s="11">
        <v>0</v>
      </c>
      <c r="AA219" s="11">
        <v>0</v>
      </c>
      <c r="AB219" s="11">
        <v>0</v>
      </c>
      <c r="AC219" s="11">
        <v>0</v>
      </c>
      <c r="AD219" s="11">
        <v>0</v>
      </c>
      <c r="AE219" s="11">
        <v>0</v>
      </c>
      <c r="AF219" s="11" t="s">
        <v>813</v>
      </c>
      <c r="AG219" s="11" t="s">
        <v>813</v>
      </c>
      <c r="AH219" s="11">
        <v>0</v>
      </c>
      <c r="AI219" s="11">
        <v>0</v>
      </c>
      <c r="AJ219" s="11">
        <v>0</v>
      </c>
      <c r="AK219" s="11">
        <v>0</v>
      </c>
      <c r="AL219" s="11">
        <v>0</v>
      </c>
      <c r="AM219" s="11">
        <v>0</v>
      </c>
      <c r="AN219" s="83">
        <v>11000</v>
      </c>
      <c r="AO219" s="83">
        <v>20000</v>
      </c>
      <c r="AP219" s="83">
        <v>0</v>
      </c>
      <c r="AQ219" s="83">
        <v>0</v>
      </c>
      <c r="AR219" s="83">
        <v>0</v>
      </c>
      <c r="AS219" s="83">
        <v>0</v>
      </c>
      <c r="AT219" s="83">
        <v>0</v>
      </c>
      <c r="AU219" s="83">
        <v>0</v>
      </c>
      <c r="AV219" s="11">
        <v>0</v>
      </c>
      <c r="AW219" s="11">
        <v>0</v>
      </c>
      <c r="AX219" s="11">
        <v>0</v>
      </c>
      <c r="AY219" s="11">
        <v>0</v>
      </c>
      <c r="AZ219" s="11">
        <v>0</v>
      </c>
      <c r="BA219" s="11">
        <v>0</v>
      </c>
      <c r="BB219" s="11">
        <v>0</v>
      </c>
      <c r="BC219" s="11">
        <v>0</v>
      </c>
      <c r="BD219" s="11">
        <v>0</v>
      </c>
      <c r="BE219" s="11">
        <v>0</v>
      </c>
      <c r="BF219" s="11">
        <v>0</v>
      </c>
      <c r="BG219" s="11">
        <v>0</v>
      </c>
      <c r="BH219" s="11">
        <v>0</v>
      </c>
      <c r="BI219" s="11">
        <v>0</v>
      </c>
      <c r="BJ219" s="11">
        <v>0</v>
      </c>
      <c r="BK219" s="11">
        <v>0</v>
      </c>
      <c r="BL219" s="11">
        <v>31</v>
      </c>
      <c r="BM219" s="83">
        <v>31000</v>
      </c>
      <c r="BN219" s="83">
        <v>33402</v>
      </c>
    </row>
    <row r="220" spans="1:66" x14ac:dyDescent="0.3">
      <c r="A220" s="78" t="s">
        <v>108</v>
      </c>
      <c r="B220" s="79">
        <v>85</v>
      </c>
      <c r="C220" s="80"/>
      <c r="D220" t="s">
        <v>322</v>
      </c>
      <c r="E220">
        <v>722</v>
      </c>
      <c r="G220" s="78" t="s">
        <v>108</v>
      </c>
      <c r="H220" s="79">
        <v>85</v>
      </c>
      <c r="I220" s="81" t="s">
        <v>817</v>
      </c>
      <c r="J220" s="81">
        <v>1007</v>
      </c>
      <c r="K220" s="82">
        <v>16</v>
      </c>
      <c r="L220" s="11"/>
      <c r="M220" s="11"/>
      <c r="N220" s="11"/>
      <c r="O220" s="11"/>
      <c r="P220" s="11"/>
      <c r="Q220" s="11"/>
      <c r="R220" s="11"/>
      <c r="S220" s="11"/>
      <c r="T220" s="11"/>
      <c r="U220" s="11"/>
      <c r="V220" s="11"/>
      <c r="W220" s="11"/>
      <c r="X220" s="11"/>
      <c r="Y220" s="11"/>
      <c r="Z220" s="11"/>
      <c r="AA220" s="11"/>
      <c r="AB220" s="11"/>
      <c r="AC220" s="11"/>
      <c r="AD220" s="11"/>
      <c r="AE220" s="11"/>
      <c r="AF220" s="11"/>
      <c r="AG220" s="11"/>
      <c r="AH220" s="11"/>
      <c r="AI220" s="11"/>
      <c r="AJ220" s="11"/>
      <c r="AK220" s="11"/>
      <c r="AL220" s="11"/>
      <c r="AM220" s="11"/>
      <c r="AN220" s="83"/>
      <c r="AO220" s="83"/>
      <c r="AP220" s="83"/>
      <c r="AQ220" s="83"/>
      <c r="AR220" s="83"/>
      <c r="AS220" s="83"/>
      <c r="AT220" s="83"/>
      <c r="AU220" s="83"/>
      <c r="AV220" s="11"/>
      <c r="AW220" s="11"/>
      <c r="AX220" s="11"/>
      <c r="AY220" s="11"/>
      <c r="AZ220" s="11"/>
      <c r="BA220" s="11"/>
      <c r="BB220" s="11"/>
      <c r="BC220" s="11"/>
      <c r="BD220" s="11"/>
      <c r="BE220" s="11"/>
      <c r="BF220" s="11"/>
      <c r="BG220" s="11"/>
      <c r="BH220" s="11"/>
      <c r="BI220" s="11"/>
      <c r="BJ220" s="11"/>
      <c r="BK220" s="11"/>
      <c r="BL220" s="11"/>
      <c r="BM220" s="83"/>
      <c r="BN220" s="83"/>
    </row>
    <row r="221" spans="1:66" x14ac:dyDescent="0.3">
      <c r="A221" s="78" t="s">
        <v>108</v>
      </c>
      <c r="B221" s="79">
        <v>85</v>
      </c>
      <c r="C221" s="80"/>
      <c r="D221" t="s">
        <v>322</v>
      </c>
      <c r="E221">
        <v>722</v>
      </c>
      <c r="G221" s="78" t="s">
        <v>108</v>
      </c>
      <c r="H221" s="79">
        <v>85</v>
      </c>
      <c r="I221" s="81" t="s">
        <v>300</v>
      </c>
      <c r="J221" s="81">
        <v>541</v>
      </c>
      <c r="K221" s="82">
        <v>1</v>
      </c>
      <c r="L221" s="11"/>
      <c r="M221" s="11"/>
      <c r="N221" s="11"/>
      <c r="O221" s="11"/>
      <c r="P221" s="11"/>
      <c r="Q221" s="11"/>
      <c r="R221" s="11"/>
      <c r="S221" s="11"/>
      <c r="T221" s="11"/>
      <c r="U221" s="11"/>
      <c r="V221" s="11"/>
      <c r="W221" s="11"/>
      <c r="X221" s="11"/>
      <c r="Y221" s="11"/>
      <c r="Z221" s="11"/>
      <c r="AA221" s="11"/>
      <c r="AB221" s="11"/>
      <c r="AC221" s="11"/>
      <c r="AD221" s="11"/>
      <c r="AE221" s="11"/>
      <c r="AF221" s="11"/>
      <c r="AG221" s="11"/>
      <c r="AH221" s="11"/>
      <c r="AI221" s="11"/>
      <c r="AJ221" s="11"/>
      <c r="AK221" s="11"/>
      <c r="AL221" s="11"/>
      <c r="AM221" s="11"/>
      <c r="AN221" s="83"/>
      <c r="AO221" s="83"/>
      <c r="AP221" s="83"/>
      <c r="AQ221" s="83"/>
      <c r="AR221" s="83"/>
      <c r="AS221" s="83"/>
      <c r="AT221" s="83"/>
      <c r="AU221" s="83"/>
      <c r="AV221" s="11"/>
      <c r="AW221" s="11"/>
      <c r="AX221" s="11"/>
      <c r="AY221" s="11"/>
      <c r="AZ221" s="11"/>
      <c r="BA221" s="11"/>
      <c r="BB221" s="11"/>
      <c r="BC221" s="11"/>
      <c r="BD221" s="11"/>
      <c r="BE221" s="11"/>
      <c r="BF221" s="11"/>
      <c r="BG221" s="11"/>
      <c r="BH221" s="11"/>
      <c r="BI221" s="11"/>
      <c r="BJ221" s="11"/>
      <c r="BK221" s="11"/>
      <c r="BL221" s="11"/>
      <c r="BM221" s="83"/>
      <c r="BN221" s="83"/>
    </row>
    <row r="222" spans="1:66" x14ac:dyDescent="0.3">
      <c r="A222" s="78" t="s">
        <v>109</v>
      </c>
      <c r="B222" s="79">
        <v>87</v>
      </c>
      <c r="C222" s="80"/>
      <c r="D222" t="s">
        <v>322</v>
      </c>
      <c r="E222">
        <v>722</v>
      </c>
      <c r="G222" s="78" t="s">
        <v>109</v>
      </c>
      <c r="H222" s="79">
        <v>87</v>
      </c>
      <c r="I222" s="81" t="s">
        <v>511</v>
      </c>
      <c r="J222" s="81">
        <v>683</v>
      </c>
      <c r="K222" s="82">
        <v>27</v>
      </c>
      <c r="L222" s="11"/>
      <c r="M222" s="11"/>
      <c r="N222" s="11"/>
      <c r="O222" s="11"/>
      <c r="P222" s="11"/>
      <c r="Q222" s="11"/>
      <c r="R222" s="11"/>
      <c r="S222" s="11"/>
      <c r="T222" s="11"/>
      <c r="U222" s="11"/>
      <c r="V222" s="11"/>
      <c r="W222" s="11"/>
      <c r="X222" s="11"/>
      <c r="Y222" s="11"/>
      <c r="Z222" s="11"/>
      <c r="AA222" s="11"/>
      <c r="AB222" s="11"/>
      <c r="AC222" s="11"/>
      <c r="AD222" s="11"/>
      <c r="AE222" s="11"/>
      <c r="AF222" s="11"/>
      <c r="AG222" s="11"/>
      <c r="AH222" s="11"/>
      <c r="AI222" s="11"/>
      <c r="AJ222" s="11"/>
      <c r="AK222" s="11"/>
      <c r="AL222" s="11"/>
      <c r="AM222" s="11"/>
      <c r="AN222" s="83"/>
      <c r="AO222" s="83"/>
      <c r="AP222" s="83"/>
      <c r="AQ222" s="83"/>
      <c r="AR222" s="83"/>
      <c r="AS222" s="83"/>
      <c r="AT222" s="83"/>
      <c r="AU222" s="83"/>
      <c r="AV222" s="11"/>
      <c r="AW222" s="11"/>
      <c r="AX222" s="11"/>
      <c r="AY222" s="11"/>
      <c r="AZ222" s="11"/>
      <c r="BA222" s="11"/>
      <c r="BB222" s="11"/>
      <c r="BC222" s="11"/>
      <c r="BD222" s="11"/>
      <c r="BE222" s="11"/>
      <c r="BF222" s="11"/>
      <c r="BG222" s="11"/>
      <c r="BH222" s="11"/>
      <c r="BI222" s="11"/>
      <c r="BJ222" s="11"/>
      <c r="BK222" s="11"/>
      <c r="BL222" s="11"/>
      <c r="BM222" s="83"/>
      <c r="BN222" s="83"/>
    </row>
    <row r="223" spans="1:66" x14ac:dyDescent="0.3">
      <c r="A223" s="78" t="s">
        <v>109</v>
      </c>
      <c r="B223" s="79">
        <v>87</v>
      </c>
      <c r="C223" s="80"/>
      <c r="D223" t="s">
        <v>301</v>
      </c>
      <c r="E223">
        <v>723</v>
      </c>
      <c r="G223" s="78" t="s">
        <v>109</v>
      </c>
      <c r="H223" s="79">
        <v>87</v>
      </c>
      <c r="I223" s="81" t="s">
        <v>513</v>
      </c>
      <c r="J223" s="81">
        <v>682</v>
      </c>
      <c r="K223" s="82">
        <v>41</v>
      </c>
      <c r="L223" s="11"/>
      <c r="M223" s="11"/>
      <c r="N223" s="11"/>
      <c r="O223" s="11"/>
      <c r="P223" s="11"/>
      <c r="Q223" s="11"/>
      <c r="R223" s="11"/>
      <c r="S223" s="11"/>
      <c r="T223" s="11"/>
      <c r="U223" s="11"/>
      <c r="V223" s="11"/>
      <c r="W223" s="11"/>
      <c r="X223" s="11"/>
      <c r="Y223" s="11"/>
      <c r="Z223" s="11"/>
      <c r="AA223" s="11"/>
      <c r="AB223" s="11"/>
      <c r="AC223" s="11"/>
      <c r="AD223" s="11"/>
      <c r="AE223" s="11"/>
      <c r="AF223" s="11"/>
      <c r="AG223" s="11"/>
      <c r="AH223" s="11"/>
      <c r="AI223" s="11"/>
      <c r="AJ223" s="11"/>
      <c r="AK223" s="11"/>
      <c r="AL223" s="11"/>
      <c r="AM223" s="11"/>
      <c r="AN223" s="83"/>
      <c r="AO223" s="83"/>
      <c r="AP223" s="83"/>
      <c r="AQ223" s="83"/>
      <c r="AR223" s="83"/>
      <c r="AS223" s="83"/>
      <c r="AT223" s="83"/>
      <c r="AU223" s="83"/>
      <c r="AV223" s="11"/>
      <c r="AW223" s="11"/>
      <c r="AX223" s="11"/>
      <c r="AY223" s="11"/>
      <c r="AZ223" s="11"/>
      <c r="BA223" s="11"/>
      <c r="BB223" s="11"/>
      <c r="BC223" s="11"/>
      <c r="BD223" s="11"/>
      <c r="BE223" s="11"/>
      <c r="BF223" s="11"/>
      <c r="BG223" s="11"/>
      <c r="BH223" s="11"/>
      <c r="BI223" s="11"/>
      <c r="BJ223" s="11"/>
      <c r="BK223" s="11"/>
      <c r="BL223" s="11"/>
      <c r="BM223" s="83"/>
      <c r="BN223" s="83"/>
    </row>
    <row r="224" spans="1:66" x14ac:dyDescent="0.3">
      <c r="A224" s="78" t="s">
        <v>109</v>
      </c>
      <c r="B224" s="79">
        <v>87</v>
      </c>
      <c r="C224" s="80"/>
      <c r="D224" t="s">
        <v>301</v>
      </c>
      <c r="E224">
        <v>723</v>
      </c>
      <c r="G224" s="78" t="s">
        <v>109</v>
      </c>
      <c r="H224" s="79">
        <v>87</v>
      </c>
      <c r="I224" s="81" t="s">
        <v>59</v>
      </c>
      <c r="J224" s="81">
        <v>501</v>
      </c>
      <c r="K224" s="82"/>
      <c r="L224" s="11">
        <v>87</v>
      </c>
      <c r="M224" s="11">
        <v>501</v>
      </c>
      <c r="N224" s="11">
        <v>2</v>
      </c>
      <c r="O224" s="11"/>
      <c r="P224" s="11">
        <v>2</v>
      </c>
      <c r="Q224" s="11">
        <v>0</v>
      </c>
      <c r="R224" s="11">
        <v>0</v>
      </c>
      <c r="S224" s="11">
        <v>0</v>
      </c>
      <c r="T224" s="11">
        <v>0</v>
      </c>
      <c r="U224" s="11">
        <v>0</v>
      </c>
      <c r="V224" s="11">
        <v>0</v>
      </c>
      <c r="W224" s="11">
        <v>0</v>
      </c>
      <c r="X224" s="11" t="s">
        <v>256</v>
      </c>
      <c r="Y224" s="11">
        <v>0</v>
      </c>
      <c r="Z224" s="11">
        <v>0</v>
      </c>
      <c r="AA224" s="11">
        <v>0</v>
      </c>
      <c r="AB224" s="11">
        <v>0</v>
      </c>
      <c r="AC224" s="11">
        <v>0</v>
      </c>
      <c r="AD224" s="11">
        <v>0</v>
      </c>
      <c r="AE224" s="11">
        <v>0</v>
      </c>
      <c r="AF224" s="11" t="s">
        <v>818</v>
      </c>
      <c r="AG224" s="11">
        <v>0</v>
      </c>
      <c r="AH224" s="11">
        <v>0</v>
      </c>
      <c r="AI224" s="11">
        <v>0</v>
      </c>
      <c r="AJ224" s="11">
        <v>0</v>
      </c>
      <c r="AK224" s="11">
        <v>0</v>
      </c>
      <c r="AL224" s="11">
        <v>0</v>
      </c>
      <c r="AM224" s="11">
        <v>0</v>
      </c>
      <c r="AN224" s="83">
        <v>0</v>
      </c>
      <c r="AO224" s="83">
        <v>0</v>
      </c>
      <c r="AP224" s="83">
        <v>0</v>
      </c>
      <c r="AQ224" s="83">
        <v>0</v>
      </c>
      <c r="AR224" s="83">
        <v>0</v>
      </c>
      <c r="AS224" s="83">
        <v>0</v>
      </c>
      <c r="AT224" s="83">
        <v>0</v>
      </c>
      <c r="AU224" s="83">
        <v>0</v>
      </c>
      <c r="AV224" s="11" t="s">
        <v>819</v>
      </c>
      <c r="AW224" s="11">
        <v>0</v>
      </c>
      <c r="AX224" s="11">
        <v>0</v>
      </c>
      <c r="AY224" s="11">
        <v>0</v>
      </c>
      <c r="AZ224" s="11">
        <v>0</v>
      </c>
      <c r="BA224" s="11">
        <v>0</v>
      </c>
      <c r="BB224" s="11">
        <v>0</v>
      </c>
      <c r="BC224" s="11">
        <v>0</v>
      </c>
      <c r="BD224" s="11">
        <v>7696</v>
      </c>
      <c r="BE224" s="11">
        <v>0</v>
      </c>
      <c r="BF224" s="11">
        <v>0</v>
      </c>
      <c r="BG224" s="11">
        <v>0</v>
      </c>
      <c r="BH224" s="11">
        <v>0</v>
      </c>
      <c r="BI224" s="11">
        <v>0</v>
      </c>
      <c r="BJ224" s="11">
        <v>0</v>
      </c>
      <c r="BK224" s="11">
        <v>0</v>
      </c>
      <c r="BL224" s="11">
        <v>0</v>
      </c>
      <c r="BM224" s="83">
        <v>0</v>
      </c>
      <c r="BN224" s="83">
        <v>7696</v>
      </c>
    </row>
    <row r="225" spans="1:66" x14ac:dyDescent="0.3">
      <c r="A225" s="78" t="s">
        <v>110</v>
      </c>
      <c r="B225" s="79">
        <v>91</v>
      </c>
      <c r="C225" s="80"/>
      <c r="D225" t="s">
        <v>810</v>
      </c>
      <c r="E225">
        <v>724</v>
      </c>
      <c r="G225" s="78" t="s">
        <v>110</v>
      </c>
      <c r="H225" s="79">
        <v>91</v>
      </c>
      <c r="I225" s="81" t="s">
        <v>820</v>
      </c>
      <c r="J225" s="81">
        <v>730</v>
      </c>
      <c r="K225" s="82">
        <v>18</v>
      </c>
      <c r="L225" s="11">
        <v>91</v>
      </c>
      <c r="M225" s="11">
        <v>730</v>
      </c>
      <c r="N225" s="11">
        <v>17</v>
      </c>
      <c r="O225" s="11" t="s">
        <v>259</v>
      </c>
      <c r="P225" s="11">
        <v>115</v>
      </c>
      <c r="Q225" s="11">
        <v>0</v>
      </c>
      <c r="R225" s="11">
        <v>0</v>
      </c>
      <c r="S225" s="11">
        <v>0</v>
      </c>
      <c r="T225" s="11">
        <v>0</v>
      </c>
      <c r="U225" s="11">
        <v>0</v>
      </c>
      <c r="V225" s="11">
        <v>0</v>
      </c>
      <c r="W225" s="11">
        <v>0</v>
      </c>
      <c r="X225" s="11" t="s">
        <v>256</v>
      </c>
      <c r="Y225" s="11" t="s">
        <v>256</v>
      </c>
      <c r="Z225" s="11">
        <v>0</v>
      </c>
      <c r="AA225" s="11">
        <v>0</v>
      </c>
      <c r="AB225" s="11">
        <v>0</v>
      </c>
      <c r="AC225" s="11">
        <v>0</v>
      </c>
      <c r="AD225" s="11">
        <v>0</v>
      </c>
      <c r="AE225" s="11">
        <v>0</v>
      </c>
      <c r="AF225" s="11" t="s">
        <v>821</v>
      </c>
      <c r="AG225" s="11" t="s">
        <v>821</v>
      </c>
      <c r="AH225" s="11">
        <v>0</v>
      </c>
      <c r="AI225" s="11">
        <v>0</v>
      </c>
      <c r="AJ225" s="11">
        <v>0</v>
      </c>
      <c r="AK225" s="11">
        <v>0</v>
      </c>
      <c r="AL225" s="11">
        <v>0</v>
      </c>
      <c r="AM225" s="11">
        <v>0</v>
      </c>
      <c r="AN225" s="83">
        <v>6410</v>
      </c>
      <c r="AO225" s="83">
        <v>15384</v>
      </c>
      <c r="AP225" s="83">
        <v>0</v>
      </c>
      <c r="AQ225" s="83">
        <v>0</v>
      </c>
      <c r="AR225" s="83">
        <v>0</v>
      </c>
      <c r="AS225" s="83">
        <v>0</v>
      </c>
      <c r="AT225" s="83">
        <v>0</v>
      </c>
      <c r="AU225" s="83">
        <v>0</v>
      </c>
      <c r="AV225" s="11" t="s">
        <v>727</v>
      </c>
      <c r="AW225" s="11" t="s">
        <v>727</v>
      </c>
      <c r="AX225" s="11">
        <v>0</v>
      </c>
      <c r="AY225" s="11">
        <v>0</v>
      </c>
      <c r="AZ225" s="11">
        <v>0</v>
      </c>
      <c r="BA225" s="11">
        <v>0</v>
      </c>
      <c r="BB225" s="11">
        <v>0</v>
      </c>
      <c r="BC225" s="11">
        <v>0</v>
      </c>
      <c r="BD225" s="11">
        <v>13012</v>
      </c>
      <c r="BE225" s="11">
        <v>0</v>
      </c>
      <c r="BF225" s="11">
        <v>0</v>
      </c>
      <c r="BG225" s="11">
        <v>0</v>
      </c>
      <c r="BH225" s="11">
        <v>0</v>
      </c>
      <c r="BI225" s="11">
        <v>0</v>
      </c>
      <c r="BJ225" s="11">
        <v>0</v>
      </c>
      <c r="BK225" s="11">
        <v>0</v>
      </c>
      <c r="BL225" s="11">
        <v>17</v>
      </c>
      <c r="BM225" s="83">
        <v>21794</v>
      </c>
      <c r="BN225" s="37">
        <v>26024</v>
      </c>
    </row>
    <row r="226" spans="1:66" x14ac:dyDescent="0.3">
      <c r="A226" s="78" t="s">
        <v>110</v>
      </c>
      <c r="B226" s="79">
        <v>91</v>
      </c>
      <c r="C226" s="80"/>
      <c r="D226" t="s">
        <v>822</v>
      </c>
      <c r="E226">
        <v>725</v>
      </c>
      <c r="G226" s="78" t="s">
        <v>110</v>
      </c>
      <c r="H226" s="79">
        <v>91</v>
      </c>
      <c r="I226" s="81" t="s">
        <v>554</v>
      </c>
      <c r="J226" s="81">
        <v>619</v>
      </c>
      <c r="K226" s="82">
        <v>12</v>
      </c>
    </row>
    <row r="227" spans="1:66" x14ac:dyDescent="0.3">
      <c r="A227" s="78" t="s">
        <v>110</v>
      </c>
      <c r="B227" s="79">
        <v>91</v>
      </c>
      <c r="C227" s="80"/>
      <c r="D227" t="s">
        <v>533</v>
      </c>
      <c r="E227">
        <v>728</v>
      </c>
      <c r="G227" s="78" t="s">
        <v>110</v>
      </c>
      <c r="H227" s="79">
        <v>91</v>
      </c>
      <c r="I227" s="81" t="s">
        <v>557</v>
      </c>
      <c r="J227" s="81">
        <v>620</v>
      </c>
      <c r="K227" s="82">
        <v>15</v>
      </c>
    </row>
    <row r="228" spans="1:66" x14ac:dyDescent="0.3">
      <c r="A228" s="78" t="s">
        <v>110</v>
      </c>
      <c r="B228" s="79">
        <v>91</v>
      </c>
      <c r="C228" s="80"/>
      <c r="D228" t="s">
        <v>533</v>
      </c>
      <c r="E228">
        <v>728</v>
      </c>
      <c r="G228" s="78" t="s">
        <v>110</v>
      </c>
      <c r="H228" s="79">
        <v>91</v>
      </c>
      <c r="I228" s="81" t="s">
        <v>512</v>
      </c>
      <c r="J228" s="81">
        <v>607</v>
      </c>
      <c r="K228" s="82">
        <v>82</v>
      </c>
      <c r="L228" s="11">
        <v>91</v>
      </c>
      <c r="M228" s="11">
        <v>607</v>
      </c>
      <c r="N228" s="11">
        <v>0</v>
      </c>
      <c r="O228" s="11" t="s">
        <v>350</v>
      </c>
      <c r="P228" s="11">
        <v>25</v>
      </c>
      <c r="Q228" s="11">
        <v>0</v>
      </c>
      <c r="R228" s="11">
        <v>0</v>
      </c>
      <c r="S228" s="11">
        <v>0</v>
      </c>
      <c r="T228" s="11">
        <v>0</v>
      </c>
      <c r="U228" s="11">
        <v>0</v>
      </c>
      <c r="V228" s="11">
        <v>0</v>
      </c>
      <c r="W228" s="11">
        <v>0</v>
      </c>
      <c r="X228" s="11" t="s">
        <v>256</v>
      </c>
      <c r="Y228" s="11">
        <v>0</v>
      </c>
      <c r="Z228" s="11">
        <v>0</v>
      </c>
      <c r="AA228" s="11">
        <v>0</v>
      </c>
      <c r="AB228" s="11">
        <v>0</v>
      </c>
      <c r="AC228" s="11">
        <v>0</v>
      </c>
      <c r="AD228" s="11">
        <v>0</v>
      </c>
      <c r="AE228" s="11">
        <v>0</v>
      </c>
      <c r="AF228" s="11" t="s">
        <v>823</v>
      </c>
      <c r="AG228" s="11">
        <v>0</v>
      </c>
      <c r="AH228" s="11">
        <v>0</v>
      </c>
      <c r="AI228" s="11">
        <v>0</v>
      </c>
      <c r="AJ228" s="11">
        <v>0</v>
      </c>
      <c r="AK228" s="11">
        <v>0</v>
      </c>
      <c r="AL228" s="11">
        <v>0</v>
      </c>
      <c r="AM228" s="11">
        <v>0</v>
      </c>
      <c r="AN228" s="83">
        <v>0</v>
      </c>
      <c r="AO228" s="83">
        <v>0</v>
      </c>
      <c r="AP228" s="83">
        <v>0</v>
      </c>
      <c r="AQ228" s="83">
        <v>0</v>
      </c>
      <c r="AR228" s="83">
        <v>0</v>
      </c>
      <c r="AS228" s="83">
        <v>0</v>
      </c>
      <c r="AT228" s="83">
        <v>0</v>
      </c>
      <c r="AU228" s="83">
        <v>0</v>
      </c>
      <c r="AV228" s="11" t="s">
        <v>824</v>
      </c>
      <c r="AW228" s="11" t="s">
        <v>825</v>
      </c>
      <c r="AX228" s="11">
        <v>0</v>
      </c>
      <c r="AY228" s="11">
        <v>0</v>
      </c>
      <c r="AZ228" s="11">
        <v>0</v>
      </c>
      <c r="BA228" s="11">
        <v>0</v>
      </c>
      <c r="BB228" s="11">
        <v>0</v>
      </c>
      <c r="BC228" s="11">
        <v>0</v>
      </c>
      <c r="BD228" s="11">
        <v>33402</v>
      </c>
      <c r="BE228" s="11">
        <v>0</v>
      </c>
      <c r="BF228" s="11">
        <v>0</v>
      </c>
      <c r="BG228" s="11">
        <v>0</v>
      </c>
      <c r="BH228" s="11">
        <v>0</v>
      </c>
      <c r="BI228" s="11">
        <v>0</v>
      </c>
      <c r="BJ228" s="11">
        <v>0</v>
      </c>
      <c r="BK228" s="11">
        <v>0</v>
      </c>
      <c r="BL228" s="11">
        <v>0</v>
      </c>
      <c r="BM228" s="83">
        <v>0</v>
      </c>
      <c r="BN228" s="83">
        <v>26024</v>
      </c>
    </row>
    <row r="229" spans="1:66" x14ac:dyDescent="0.3">
      <c r="A229" s="78" t="s">
        <v>110</v>
      </c>
      <c r="B229" s="79">
        <v>91</v>
      </c>
      <c r="C229" s="80"/>
      <c r="D229" t="s">
        <v>826</v>
      </c>
      <c r="E229">
        <v>729</v>
      </c>
      <c r="G229" s="78" t="s">
        <v>110</v>
      </c>
      <c r="H229" s="79">
        <v>91</v>
      </c>
      <c r="I229" s="81" t="s">
        <v>534</v>
      </c>
      <c r="J229" s="81">
        <v>612</v>
      </c>
      <c r="K229" s="82">
        <v>31</v>
      </c>
      <c r="L229">
        <v>91</v>
      </c>
      <c r="M229">
        <v>612</v>
      </c>
      <c r="N229">
        <v>35</v>
      </c>
      <c r="O229" t="s">
        <v>204</v>
      </c>
      <c r="P229">
        <v>22.16</v>
      </c>
      <c r="Q229">
        <v>22.16</v>
      </c>
      <c r="R229">
        <v>0</v>
      </c>
      <c r="S229">
        <v>0</v>
      </c>
      <c r="T229">
        <v>0</v>
      </c>
      <c r="U229">
        <v>0</v>
      </c>
      <c r="V229">
        <v>0</v>
      </c>
      <c r="W229">
        <v>0</v>
      </c>
      <c r="X229" t="s">
        <v>256</v>
      </c>
      <c r="Y229" t="s">
        <v>256</v>
      </c>
      <c r="Z229">
        <v>0</v>
      </c>
      <c r="AA229">
        <v>0</v>
      </c>
      <c r="AB229">
        <v>0</v>
      </c>
      <c r="AC229">
        <v>0</v>
      </c>
      <c r="AD229">
        <v>0</v>
      </c>
      <c r="AE229">
        <v>0</v>
      </c>
      <c r="AF229" t="s">
        <v>827</v>
      </c>
      <c r="AG229" t="s">
        <v>827</v>
      </c>
      <c r="AH229">
        <v>0</v>
      </c>
      <c r="AI229">
        <v>0</v>
      </c>
      <c r="AJ229">
        <v>0</v>
      </c>
      <c r="AK229">
        <v>0</v>
      </c>
      <c r="AL229">
        <v>0</v>
      </c>
      <c r="AM229">
        <v>0</v>
      </c>
      <c r="AN229" s="37">
        <v>22715.71</v>
      </c>
      <c r="AO229" s="37">
        <v>22715.71</v>
      </c>
      <c r="AP229" s="37">
        <v>0</v>
      </c>
      <c r="AQ229" s="37">
        <v>0</v>
      </c>
      <c r="AR229" s="37">
        <v>0</v>
      </c>
      <c r="AS229" s="37">
        <v>0</v>
      </c>
      <c r="AT229" s="37">
        <v>0</v>
      </c>
      <c r="AU229" s="37">
        <v>0</v>
      </c>
      <c r="AV229" t="s">
        <v>727</v>
      </c>
      <c r="AW229" t="s">
        <v>727</v>
      </c>
      <c r="AX229">
        <v>0</v>
      </c>
      <c r="AY229">
        <v>0</v>
      </c>
      <c r="AZ229">
        <v>0</v>
      </c>
      <c r="BA229">
        <v>0</v>
      </c>
      <c r="BB229">
        <v>0</v>
      </c>
      <c r="BC229">
        <v>0</v>
      </c>
      <c r="BD229" s="37">
        <v>13012</v>
      </c>
      <c r="BE229" s="37">
        <v>13012</v>
      </c>
      <c r="BF229" s="37">
        <v>0</v>
      </c>
      <c r="BG229" s="37">
        <v>0</v>
      </c>
      <c r="BH229" s="37">
        <v>0</v>
      </c>
      <c r="BI229" s="37">
        <v>0</v>
      </c>
      <c r="BJ229" s="37">
        <v>0</v>
      </c>
      <c r="BK229" s="37">
        <v>0</v>
      </c>
      <c r="BL229">
        <v>35</v>
      </c>
      <c r="BM229" s="37">
        <v>45431.42</v>
      </c>
      <c r="BN229" s="83">
        <v>18124</v>
      </c>
    </row>
    <row r="230" spans="1:66" x14ac:dyDescent="0.3">
      <c r="A230" s="78" t="s">
        <v>110</v>
      </c>
      <c r="B230" s="79">
        <v>91</v>
      </c>
      <c r="C230" s="80"/>
      <c r="D230" t="s">
        <v>820</v>
      </c>
      <c r="E230">
        <v>730</v>
      </c>
      <c r="G230" s="78" t="s">
        <v>110</v>
      </c>
      <c r="H230" s="79">
        <v>91</v>
      </c>
      <c r="I230" s="81" t="s">
        <v>540</v>
      </c>
      <c r="J230" s="81">
        <v>614</v>
      </c>
      <c r="K230" s="82">
        <v>55</v>
      </c>
    </row>
    <row r="231" spans="1:66" x14ac:dyDescent="0.3">
      <c r="A231" s="78" t="s">
        <v>110</v>
      </c>
      <c r="B231" s="79">
        <v>91</v>
      </c>
      <c r="C231" s="80"/>
      <c r="D231" t="s">
        <v>817</v>
      </c>
      <c r="E231">
        <v>1007</v>
      </c>
      <c r="G231" s="78" t="s">
        <v>110</v>
      </c>
      <c r="H231" s="79">
        <v>91</v>
      </c>
      <c r="I231" s="81" t="s">
        <v>542</v>
      </c>
      <c r="J231" s="81">
        <v>615</v>
      </c>
      <c r="K231" s="82">
        <v>66</v>
      </c>
      <c r="L231" s="11">
        <v>91</v>
      </c>
      <c r="M231" s="11">
        <v>615</v>
      </c>
      <c r="N231" s="11">
        <v>73</v>
      </c>
      <c r="O231" s="11" t="s">
        <v>204</v>
      </c>
      <c r="P231" s="11">
        <v>23</v>
      </c>
      <c r="Q231" s="11">
        <v>0</v>
      </c>
      <c r="R231" s="11">
        <v>0</v>
      </c>
      <c r="S231" s="11">
        <v>0</v>
      </c>
      <c r="T231" s="11">
        <v>0</v>
      </c>
      <c r="U231" s="11">
        <v>0</v>
      </c>
      <c r="V231" s="11">
        <v>0</v>
      </c>
      <c r="W231" s="11">
        <v>0</v>
      </c>
      <c r="X231" s="11" t="s">
        <v>256</v>
      </c>
      <c r="Y231" s="11">
        <v>0</v>
      </c>
      <c r="Z231" s="11">
        <v>0</v>
      </c>
      <c r="AA231" s="11">
        <v>0</v>
      </c>
      <c r="AB231" s="11">
        <v>0</v>
      </c>
      <c r="AC231" s="11">
        <v>0</v>
      </c>
      <c r="AD231" s="11">
        <v>0</v>
      </c>
      <c r="AE231" s="11">
        <v>0</v>
      </c>
      <c r="AF231" s="11" t="s">
        <v>828</v>
      </c>
      <c r="AG231" s="11">
        <v>0</v>
      </c>
      <c r="AH231" s="11">
        <v>0</v>
      </c>
      <c r="AI231" s="11">
        <v>0</v>
      </c>
      <c r="AJ231" s="11">
        <v>0</v>
      </c>
      <c r="AK231" s="11">
        <v>0</v>
      </c>
      <c r="AL231" s="11">
        <v>0</v>
      </c>
      <c r="AM231" s="11">
        <v>0</v>
      </c>
      <c r="AN231" s="83">
        <v>93586</v>
      </c>
      <c r="AO231" s="83">
        <v>0</v>
      </c>
      <c r="AP231" s="83">
        <v>0</v>
      </c>
      <c r="AQ231" s="83">
        <v>0</v>
      </c>
      <c r="AR231" s="83">
        <v>0</v>
      </c>
      <c r="AS231" s="83">
        <v>0</v>
      </c>
      <c r="AT231" s="83">
        <v>0</v>
      </c>
      <c r="AU231" s="83">
        <v>0</v>
      </c>
      <c r="AV231" s="11" t="s">
        <v>727</v>
      </c>
      <c r="AW231" s="11">
        <v>0</v>
      </c>
      <c r="AX231" s="11">
        <v>0</v>
      </c>
      <c r="AY231" s="11">
        <v>0</v>
      </c>
      <c r="AZ231" s="11">
        <v>0</v>
      </c>
      <c r="BA231" s="11">
        <v>0</v>
      </c>
      <c r="BB231" s="11">
        <v>0</v>
      </c>
      <c r="BC231" s="11">
        <v>0</v>
      </c>
      <c r="BD231" s="11">
        <v>26024</v>
      </c>
      <c r="BE231" s="11">
        <v>0</v>
      </c>
      <c r="BF231" s="11">
        <v>0</v>
      </c>
      <c r="BG231" s="11">
        <v>0</v>
      </c>
      <c r="BH231" s="11">
        <v>0</v>
      </c>
      <c r="BI231" s="11">
        <v>0</v>
      </c>
      <c r="BJ231" s="11">
        <v>0</v>
      </c>
      <c r="BK231" s="11">
        <v>0</v>
      </c>
      <c r="BL231" s="11">
        <v>73</v>
      </c>
      <c r="BM231" s="83">
        <v>93586</v>
      </c>
      <c r="BN231" s="83">
        <v>13012</v>
      </c>
    </row>
    <row r="232" spans="1:66" x14ac:dyDescent="0.3">
      <c r="A232" s="78" t="s">
        <v>110</v>
      </c>
      <c r="B232" s="79">
        <v>91</v>
      </c>
      <c r="C232" s="80"/>
      <c r="D232" t="s">
        <v>648</v>
      </c>
      <c r="E232">
        <v>1071</v>
      </c>
      <c r="G232" s="78" t="s">
        <v>110</v>
      </c>
      <c r="H232" s="79">
        <v>91</v>
      </c>
      <c r="I232" s="81" t="s">
        <v>826</v>
      </c>
      <c r="J232" s="81">
        <v>729</v>
      </c>
      <c r="K232" s="82">
        <v>8</v>
      </c>
    </row>
    <row r="233" spans="1:66" x14ac:dyDescent="0.3">
      <c r="A233" s="78" t="s">
        <v>110</v>
      </c>
      <c r="B233" s="79">
        <v>91</v>
      </c>
      <c r="C233" s="80"/>
      <c r="D233" t="s">
        <v>158</v>
      </c>
      <c r="E233">
        <v>1071</v>
      </c>
      <c r="G233" s="78" t="s">
        <v>110</v>
      </c>
      <c r="H233" s="79">
        <v>91</v>
      </c>
      <c r="I233" s="81" t="s">
        <v>538</v>
      </c>
      <c r="J233" s="81">
        <v>613</v>
      </c>
      <c r="K233" s="82">
        <v>22</v>
      </c>
      <c r="L233" s="11">
        <v>91</v>
      </c>
      <c r="M233" s="11">
        <v>613</v>
      </c>
      <c r="N233" s="11">
        <v>19</v>
      </c>
      <c r="O233" s="11" t="s">
        <v>259</v>
      </c>
      <c r="P233" s="11">
        <v>22.26</v>
      </c>
      <c r="Q233" s="11">
        <v>22.26</v>
      </c>
      <c r="R233" s="11">
        <v>4</v>
      </c>
      <c r="S233" s="11">
        <v>0</v>
      </c>
      <c r="T233" s="11">
        <v>0</v>
      </c>
      <c r="U233" s="11">
        <v>0</v>
      </c>
      <c r="V233" s="11">
        <v>0</v>
      </c>
      <c r="W233" s="11">
        <v>0</v>
      </c>
      <c r="X233" s="11" t="s">
        <v>256</v>
      </c>
      <c r="Y233" s="11" t="s">
        <v>256</v>
      </c>
      <c r="Z233" s="11" t="s">
        <v>256</v>
      </c>
      <c r="AA233" s="11">
        <v>0</v>
      </c>
      <c r="AB233" s="11">
        <v>0</v>
      </c>
      <c r="AC233" s="11">
        <v>0</v>
      </c>
      <c r="AD233" s="11">
        <v>0</v>
      </c>
      <c r="AE233" s="11">
        <v>0</v>
      </c>
      <c r="AF233" s="11" t="s">
        <v>821</v>
      </c>
      <c r="AG233" s="11">
        <v>0</v>
      </c>
      <c r="AH233" s="11">
        <v>0</v>
      </c>
      <c r="AI233" s="11">
        <v>0</v>
      </c>
      <c r="AJ233" s="11">
        <v>0</v>
      </c>
      <c r="AK233" s="11">
        <v>0</v>
      </c>
      <c r="AL233" s="11">
        <v>0</v>
      </c>
      <c r="AM233" s="11">
        <v>0</v>
      </c>
      <c r="AN233" s="83">
        <v>8974</v>
      </c>
      <c r="AO233" s="83">
        <v>15384</v>
      </c>
      <c r="AP233" s="83">
        <v>0</v>
      </c>
      <c r="AQ233" s="83">
        <v>0</v>
      </c>
      <c r="AR233" s="83">
        <v>0</v>
      </c>
      <c r="AS233" s="83">
        <v>0</v>
      </c>
      <c r="AT233" s="83">
        <v>0</v>
      </c>
      <c r="AU233" s="83">
        <v>0</v>
      </c>
      <c r="AV233" s="11">
        <v>0</v>
      </c>
      <c r="AW233" s="11" t="s">
        <v>829</v>
      </c>
      <c r="AX233" s="11" t="e">
        <v>#REF!</v>
      </c>
      <c r="AY233" s="11">
        <v>0</v>
      </c>
      <c r="AZ233" s="11">
        <v>0</v>
      </c>
      <c r="BA233" s="11">
        <v>0</v>
      </c>
      <c r="BB233" s="11">
        <v>0</v>
      </c>
      <c r="BC233" s="11">
        <v>0</v>
      </c>
      <c r="BD233" s="11">
        <v>0</v>
      </c>
      <c r="BE233" s="11">
        <v>0</v>
      </c>
      <c r="BF233" s="11">
        <v>18124</v>
      </c>
      <c r="BG233" s="11">
        <v>0</v>
      </c>
      <c r="BH233" s="11">
        <v>0</v>
      </c>
      <c r="BI233" s="11">
        <v>0</v>
      </c>
      <c r="BJ233" s="11">
        <v>0</v>
      </c>
      <c r="BK233" s="11">
        <v>0</v>
      </c>
      <c r="BL233" s="11">
        <v>19</v>
      </c>
      <c r="BM233" s="83">
        <v>24358</v>
      </c>
      <c r="BN233" s="83">
        <v>18124</v>
      </c>
    </row>
    <row r="234" spans="1:66" x14ac:dyDescent="0.3">
      <c r="A234" s="78" t="s">
        <v>110</v>
      </c>
      <c r="B234" s="79">
        <v>91</v>
      </c>
      <c r="C234" s="80"/>
      <c r="D234" t="s">
        <v>159</v>
      </c>
      <c r="E234">
        <v>1116</v>
      </c>
      <c r="G234" s="78" t="s">
        <v>110</v>
      </c>
      <c r="H234" s="79">
        <v>91</v>
      </c>
      <c r="I234" s="81" t="s">
        <v>285</v>
      </c>
      <c r="J234" s="81">
        <v>608</v>
      </c>
      <c r="K234" s="82">
        <v>3</v>
      </c>
      <c r="L234" s="11"/>
      <c r="M234" s="11"/>
      <c r="N234" s="11"/>
      <c r="O234" s="11"/>
      <c r="P234" s="11"/>
      <c r="Q234" s="11"/>
      <c r="R234" s="11"/>
      <c r="S234" s="11"/>
      <c r="T234" s="11"/>
      <c r="U234" s="11"/>
      <c r="V234" s="11"/>
      <c r="W234" s="11"/>
      <c r="X234" s="11"/>
      <c r="Y234" s="11"/>
      <c r="Z234" s="11"/>
      <c r="AA234" s="11"/>
      <c r="AB234" s="11"/>
      <c r="AC234" s="11"/>
      <c r="AD234" s="11"/>
      <c r="AE234" s="11"/>
      <c r="AF234" s="11"/>
      <c r="AG234" s="11"/>
      <c r="AH234" s="11"/>
      <c r="AI234" s="11"/>
      <c r="AJ234" s="11"/>
      <c r="AK234" s="11"/>
      <c r="AL234" s="11"/>
      <c r="AM234" s="11"/>
      <c r="AN234" s="83"/>
      <c r="AO234" s="83"/>
      <c r="AP234" s="83"/>
      <c r="AQ234" s="83"/>
      <c r="AR234" s="83"/>
      <c r="AS234" s="83"/>
      <c r="AT234" s="83"/>
      <c r="AU234" s="83"/>
      <c r="AV234" s="11"/>
      <c r="AW234" s="11"/>
      <c r="AX234" s="11"/>
      <c r="AY234" s="11"/>
      <c r="AZ234" s="11"/>
      <c r="BA234" s="11"/>
      <c r="BB234" s="11"/>
      <c r="BC234" s="11"/>
      <c r="BD234" s="83"/>
      <c r="BE234" s="83"/>
      <c r="BF234" s="83"/>
      <c r="BG234" s="83"/>
      <c r="BH234" s="83"/>
      <c r="BI234" s="83"/>
      <c r="BJ234" s="83"/>
      <c r="BK234" s="83"/>
      <c r="BL234" s="11"/>
      <c r="BM234" s="83"/>
      <c r="BN234" s="83"/>
    </row>
    <row r="235" spans="1:66" x14ac:dyDescent="0.3">
      <c r="A235" s="78" t="s">
        <v>110</v>
      </c>
      <c r="B235" s="79">
        <v>91</v>
      </c>
      <c r="C235" s="80"/>
      <c r="D235" t="s">
        <v>159</v>
      </c>
      <c r="E235">
        <v>1116</v>
      </c>
      <c r="G235" s="78" t="s">
        <v>110</v>
      </c>
      <c r="H235" s="79">
        <v>91</v>
      </c>
      <c r="I235" s="81" t="s">
        <v>547</v>
      </c>
      <c r="J235" s="81">
        <v>617</v>
      </c>
      <c r="K235" s="82">
        <v>59</v>
      </c>
      <c r="L235" s="11">
        <v>91</v>
      </c>
      <c r="M235" s="11">
        <v>617</v>
      </c>
      <c r="N235" s="11">
        <v>66</v>
      </c>
      <c r="O235" s="11" t="s">
        <v>259</v>
      </c>
      <c r="P235" s="11">
        <v>115</v>
      </c>
      <c r="Q235" s="11">
        <v>0</v>
      </c>
      <c r="R235" s="11">
        <v>0</v>
      </c>
      <c r="S235" s="11">
        <v>0</v>
      </c>
      <c r="T235" s="11">
        <v>0</v>
      </c>
      <c r="U235" s="11">
        <v>0</v>
      </c>
      <c r="V235" s="11">
        <v>0</v>
      </c>
      <c r="W235" s="11">
        <v>0</v>
      </c>
      <c r="X235" s="11" t="s">
        <v>256</v>
      </c>
      <c r="Y235" s="11" t="s">
        <v>256</v>
      </c>
      <c r="Z235" s="11">
        <v>0</v>
      </c>
      <c r="AA235" s="11">
        <v>0</v>
      </c>
      <c r="AB235" s="11">
        <v>0</v>
      </c>
      <c r="AC235" s="11">
        <v>0</v>
      </c>
      <c r="AD235" s="11">
        <v>0</v>
      </c>
      <c r="AE235" s="11">
        <v>0</v>
      </c>
      <c r="AF235" s="11" t="s">
        <v>821</v>
      </c>
      <c r="AG235" s="11" t="s">
        <v>821</v>
      </c>
      <c r="AH235" s="11">
        <v>0</v>
      </c>
      <c r="AI235" s="11">
        <v>0</v>
      </c>
      <c r="AJ235" s="11">
        <v>0</v>
      </c>
      <c r="AK235" s="11">
        <v>0</v>
      </c>
      <c r="AL235" s="11">
        <v>0</v>
      </c>
      <c r="AM235" s="11">
        <v>0</v>
      </c>
      <c r="AN235" s="83">
        <v>47434</v>
      </c>
      <c r="AO235" s="83">
        <v>37178</v>
      </c>
      <c r="AP235" s="83">
        <v>0</v>
      </c>
      <c r="AQ235" s="83">
        <v>0</v>
      </c>
      <c r="AR235" s="83">
        <v>0</v>
      </c>
      <c r="AS235" s="83">
        <v>0</v>
      </c>
      <c r="AT235" s="83">
        <v>0</v>
      </c>
      <c r="AU235" s="83">
        <v>0</v>
      </c>
      <c r="AV235" s="11" t="s">
        <v>727</v>
      </c>
      <c r="AW235" s="11" t="s">
        <v>727</v>
      </c>
      <c r="AX235" s="11">
        <v>0</v>
      </c>
      <c r="AY235" s="11">
        <v>0</v>
      </c>
      <c r="AZ235" s="11">
        <v>0</v>
      </c>
      <c r="BA235" s="11">
        <v>0</v>
      </c>
      <c r="BB235" s="11">
        <v>0</v>
      </c>
      <c r="BC235" s="11">
        <v>0</v>
      </c>
      <c r="BD235" s="11">
        <v>13012</v>
      </c>
      <c r="BE235" s="11">
        <v>0</v>
      </c>
      <c r="BF235" s="11">
        <v>0</v>
      </c>
      <c r="BG235" s="11">
        <v>0</v>
      </c>
      <c r="BH235" s="11">
        <v>0</v>
      </c>
      <c r="BI235" s="11">
        <v>0</v>
      </c>
      <c r="BJ235" s="11">
        <v>0</v>
      </c>
      <c r="BK235" s="11">
        <v>0</v>
      </c>
      <c r="BL235" s="11">
        <v>66</v>
      </c>
      <c r="BM235" s="83">
        <v>84612</v>
      </c>
      <c r="BN235" s="83">
        <v>13012</v>
      </c>
    </row>
    <row r="236" spans="1:66" x14ac:dyDescent="0.3">
      <c r="A236" s="78" t="s">
        <v>110</v>
      </c>
      <c r="B236" s="79">
        <v>91</v>
      </c>
      <c r="C236" s="80"/>
      <c r="D236" t="s">
        <v>156</v>
      </c>
      <c r="E236">
        <v>1126</v>
      </c>
      <c r="G236" s="78" t="s">
        <v>110</v>
      </c>
      <c r="H236" s="79">
        <v>91</v>
      </c>
      <c r="I236" s="81" t="s">
        <v>822</v>
      </c>
      <c r="J236" s="81">
        <v>725</v>
      </c>
      <c r="K236" s="82">
        <v>20</v>
      </c>
      <c r="L236" s="11"/>
      <c r="M236" s="11"/>
      <c r="N236" s="11"/>
      <c r="O236" s="11"/>
      <c r="P236" s="11"/>
      <c r="Q236" s="11"/>
      <c r="R236" s="11"/>
      <c r="S236" s="11"/>
      <c r="T236" s="11"/>
      <c r="U236" s="11"/>
      <c r="V236" s="11"/>
      <c r="W236" s="11"/>
      <c r="X236" s="11"/>
      <c r="Y236" s="11"/>
      <c r="Z236" s="11"/>
      <c r="AA236" s="11"/>
      <c r="AB236" s="11"/>
      <c r="AC236" s="11"/>
      <c r="AD236" s="11"/>
      <c r="AE236" s="11"/>
      <c r="AF236" s="11"/>
      <c r="AG236" s="11"/>
      <c r="AH236" s="11"/>
      <c r="AI236" s="11"/>
      <c r="AJ236" s="11"/>
      <c r="AK236" s="11"/>
      <c r="AL236" s="11"/>
      <c r="AM236" s="11"/>
      <c r="AN236" s="83"/>
      <c r="AO236" s="83"/>
      <c r="AP236" s="83"/>
      <c r="AQ236" s="83"/>
      <c r="AR236" s="83"/>
      <c r="AS236" s="83"/>
      <c r="AT236" s="83"/>
      <c r="AU236" s="83"/>
      <c r="AV236" s="11"/>
      <c r="AW236" s="11"/>
      <c r="AX236" s="11"/>
      <c r="AY236" s="11"/>
      <c r="AZ236" s="11"/>
      <c r="BA236" s="11"/>
      <c r="BB236" s="11"/>
      <c r="BC236" s="11"/>
      <c r="BD236" s="83"/>
      <c r="BE236" s="83"/>
      <c r="BF236" s="83"/>
      <c r="BG236" s="83"/>
      <c r="BH236" s="83"/>
      <c r="BI236" s="83"/>
      <c r="BJ236" s="83"/>
      <c r="BK236" s="83"/>
      <c r="BL236" s="11"/>
      <c r="BM236" s="83"/>
      <c r="BN236" s="83"/>
    </row>
    <row r="237" spans="1:66" x14ac:dyDescent="0.3">
      <c r="A237" s="78" t="s">
        <v>110</v>
      </c>
      <c r="B237" s="79">
        <v>91</v>
      </c>
      <c r="C237" s="80"/>
      <c r="D237" t="s">
        <v>156</v>
      </c>
      <c r="E237">
        <v>1126</v>
      </c>
      <c r="G237" s="78" t="s">
        <v>110</v>
      </c>
      <c r="H237" s="79">
        <v>91</v>
      </c>
      <c r="I237" s="81" t="s">
        <v>533</v>
      </c>
      <c r="J237" s="81">
        <v>728</v>
      </c>
      <c r="K237" s="82">
        <v>1</v>
      </c>
      <c r="L237" s="86"/>
      <c r="M237" s="11"/>
      <c r="N237" s="11"/>
      <c r="O237" s="11"/>
      <c r="P237" s="11"/>
      <c r="Q237" s="11"/>
      <c r="R237" s="11"/>
      <c r="S237" s="11"/>
      <c r="T237" s="11"/>
      <c r="U237" s="11"/>
      <c r="V237" s="11"/>
      <c r="W237" s="11"/>
      <c r="X237" s="11"/>
      <c r="Y237" s="11"/>
      <c r="Z237" s="11"/>
      <c r="AA237" s="11"/>
      <c r="AB237" s="11"/>
      <c r="AC237" s="11"/>
      <c r="AD237" s="11"/>
      <c r="AE237" s="11"/>
      <c r="AF237" s="11"/>
      <c r="AG237" s="11"/>
      <c r="AH237" s="11"/>
      <c r="AI237" s="11"/>
      <c r="AJ237" s="11"/>
      <c r="AK237" s="11"/>
      <c r="AL237" s="11"/>
      <c r="AM237" s="11"/>
      <c r="AN237" s="83"/>
      <c r="AO237" s="83"/>
      <c r="AP237" s="83"/>
      <c r="AQ237" s="83"/>
      <c r="AR237" s="83"/>
      <c r="AS237" s="83"/>
      <c r="AT237" s="83"/>
      <c r="AU237" s="83"/>
      <c r="AV237" s="11"/>
      <c r="AW237" s="11"/>
      <c r="AX237" s="11"/>
      <c r="AY237" s="11"/>
      <c r="AZ237" s="11"/>
      <c r="BA237" s="11"/>
      <c r="BB237" s="11"/>
      <c r="BC237" s="11"/>
      <c r="BD237" s="83"/>
      <c r="BE237" s="83"/>
      <c r="BF237" s="83"/>
      <c r="BG237" s="83"/>
      <c r="BH237" s="83"/>
      <c r="BI237" s="83"/>
      <c r="BJ237" s="83"/>
      <c r="BK237" s="83"/>
      <c r="BL237" s="11"/>
      <c r="BM237" s="83"/>
      <c r="BN237" s="83"/>
    </row>
    <row r="238" spans="1:66" x14ac:dyDescent="0.3">
      <c r="A238" s="78" t="s">
        <v>830</v>
      </c>
      <c r="B238" s="79">
        <v>93</v>
      </c>
      <c r="C238" s="80"/>
      <c r="D238" t="s">
        <v>156</v>
      </c>
      <c r="E238">
        <v>1126</v>
      </c>
      <c r="G238" s="78" t="s">
        <v>830</v>
      </c>
      <c r="H238" s="79">
        <v>93</v>
      </c>
      <c r="I238" s="81" t="s">
        <v>560</v>
      </c>
      <c r="J238" s="81">
        <v>622</v>
      </c>
      <c r="K238" s="82">
        <v>2</v>
      </c>
      <c r="L238" s="11"/>
      <c r="M238" s="11"/>
      <c r="N238" s="11"/>
      <c r="O238" s="11"/>
      <c r="P238" s="11"/>
      <c r="Q238" s="11"/>
      <c r="R238" s="11"/>
      <c r="S238" s="11"/>
      <c r="T238" s="11"/>
      <c r="U238" s="11"/>
      <c r="V238" s="11"/>
      <c r="W238" s="11"/>
      <c r="X238" s="11"/>
      <c r="Y238" s="11"/>
      <c r="Z238" s="11"/>
      <c r="AA238" s="11"/>
      <c r="AB238" s="11"/>
      <c r="AC238" s="11"/>
      <c r="AD238" s="11"/>
      <c r="AE238" s="11"/>
      <c r="AF238" s="11"/>
      <c r="AG238" s="11"/>
      <c r="AH238" s="11"/>
      <c r="AI238" s="11"/>
      <c r="AJ238" s="11"/>
      <c r="AK238" s="11"/>
      <c r="AL238" s="11"/>
      <c r="AM238" s="11"/>
      <c r="AN238" s="83"/>
      <c r="AO238" s="83"/>
      <c r="AP238" s="83"/>
      <c r="AQ238" s="83"/>
      <c r="AR238" s="83"/>
      <c r="AS238" s="83"/>
      <c r="AT238" s="83"/>
      <c r="AU238" s="83"/>
      <c r="AV238" s="11"/>
      <c r="AW238" s="11"/>
      <c r="AX238" s="11"/>
      <c r="AY238" s="11"/>
      <c r="AZ238" s="11"/>
      <c r="BA238" s="11"/>
      <c r="BB238" s="11"/>
      <c r="BC238" s="11"/>
      <c r="BD238" s="83"/>
      <c r="BE238" s="83"/>
      <c r="BF238" s="83"/>
      <c r="BG238" s="83"/>
      <c r="BH238" s="83"/>
      <c r="BI238" s="83"/>
      <c r="BJ238" s="83"/>
      <c r="BK238" s="83"/>
      <c r="BL238" s="11"/>
      <c r="BM238" s="83"/>
      <c r="BN238" s="83"/>
    </row>
    <row r="239" spans="1:66" x14ac:dyDescent="0.3">
      <c r="A239" s="78" t="s">
        <v>830</v>
      </c>
      <c r="B239" s="79">
        <v>93</v>
      </c>
      <c r="C239" s="80"/>
      <c r="D239" t="s">
        <v>157</v>
      </c>
      <c r="E239">
        <v>1153</v>
      </c>
      <c r="G239" s="78" t="s">
        <v>830</v>
      </c>
      <c r="H239" s="79">
        <v>93</v>
      </c>
      <c r="I239" s="81" t="s">
        <v>701</v>
      </c>
      <c r="J239" s="81">
        <v>681</v>
      </c>
      <c r="K239" s="82">
        <v>1</v>
      </c>
      <c r="L239" s="11"/>
      <c r="M239" s="11"/>
      <c r="N239" s="11"/>
      <c r="O239" s="11"/>
      <c r="P239" s="11"/>
      <c r="Q239" s="11"/>
      <c r="R239" s="11"/>
      <c r="S239" s="11"/>
      <c r="T239" s="11"/>
      <c r="U239" s="11"/>
      <c r="V239" s="11"/>
      <c r="W239" s="11"/>
      <c r="X239" s="11"/>
      <c r="Y239" s="11"/>
      <c r="Z239" s="11"/>
      <c r="AA239" s="11"/>
      <c r="AB239" s="11"/>
      <c r="AC239" s="11"/>
      <c r="AD239" s="11"/>
      <c r="AE239" s="11"/>
      <c r="AF239" s="11"/>
      <c r="AG239" s="11"/>
      <c r="AH239" s="11"/>
      <c r="AI239" s="11"/>
      <c r="AJ239" s="11"/>
      <c r="AK239" s="11"/>
      <c r="AL239" s="11"/>
      <c r="AM239" s="11"/>
      <c r="AN239" s="83"/>
      <c r="AO239" s="83"/>
      <c r="AP239" s="83"/>
      <c r="AQ239" s="83"/>
      <c r="AR239" s="83"/>
      <c r="AS239" s="83"/>
      <c r="AT239" s="83"/>
      <c r="AU239" s="83"/>
      <c r="AV239" s="11"/>
      <c r="AW239" s="11"/>
      <c r="AX239" s="11"/>
      <c r="AY239" s="11"/>
      <c r="AZ239" s="11"/>
      <c r="BA239" s="11"/>
      <c r="BB239" s="11"/>
      <c r="BC239" s="11"/>
      <c r="BD239" s="83"/>
      <c r="BE239" s="83"/>
      <c r="BF239" s="83"/>
      <c r="BG239" s="83"/>
      <c r="BH239" s="83"/>
      <c r="BI239" s="83"/>
      <c r="BJ239" s="83"/>
      <c r="BK239" s="83"/>
      <c r="BL239" s="11"/>
      <c r="BM239" s="83"/>
      <c r="BN239" s="83"/>
    </row>
    <row r="240" spans="1:66" x14ac:dyDescent="0.3">
      <c r="A240" s="78" t="s">
        <v>830</v>
      </c>
      <c r="B240" s="79">
        <v>93</v>
      </c>
      <c r="C240" s="78"/>
      <c r="G240" s="78" t="s">
        <v>830</v>
      </c>
      <c r="H240" s="79">
        <v>93</v>
      </c>
      <c r="I240" s="81" t="s">
        <v>586</v>
      </c>
      <c r="J240" s="81">
        <v>656</v>
      </c>
      <c r="K240" s="82">
        <v>1</v>
      </c>
      <c r="L240" s="11"/>
      <c r="M240" s="11"/>
      <c r="N240" s="11"/>
      <c r="O240" s="11"/>
      <c r="P240" s="11"/>
      <c r="Q240" s="11"/>
      <c r="R240" s="11"/>
      <c r="S240" s="11"/>
      <c r="T240" s="11"/>
      <c r="U240" s="11"/>
      <c r="V240" s="11"/>
      <c r="W240" s="11"/>
      <c r="X240" s="11"/>
      <c r="Y240" s="11"/>
      <c r="Z240" s="11"/>
      <c r="AA240" s="11"/>
      <c r="AB240" s="11"/>
      <c r="AC240" s="11"/>
      <c r="AD240" s="11"/>
      <c r="AE240" s="11"/>
      <c r="AF240" s="11"/>
      <c r="AG240" s="11"/>
      <c r="AH240" s="11"/>
      <c r="AI240" s="11"/>
      <c r="AJ240" s="11"/>
      <c r="AK240" s="11"/>
      <c r="AL240" s="11"/>
      <c r="AM240" s="11"/>
      <c r="AN240" s="83"/>
      <c r="AO240" s="83"/>
      <c r="AP240" s="83"/>
      <c r="AQ240" s="83"/>
      <c r="AR240" s="83"/>
      <c r="AS240" s="83"/>
      <c r="AT240" s="83"/>
      <c r="AU240" s="83"/>
      <c r="AV240" s="11"/>
      <c r="AW240" s="11"/>
      <c r="AX240" s="11"/>
      <c r="AY240" s="11"/>
      <c r="AZ240" s="11"/>
      <c r="BA240" s="11"/>
      <c r="BB240" s="11"/>
      <c r="BC240" s="11"/>
      <c r="BD240" s="83"/>
      <c r="BE240" s="83"/>
      <c r="BF240" s="83"/>
      <c r="BG240" s="83"/>
      <c r="BH240" s="83"/>
      <c r="BI240" s="83"/>
      <c r="BJ240" s="83"/>
      <c r="BK240" s="83"/>
      <c r="BL240" s="11"/>
      <c r="BM240" s="83"/>
      <c r="BN240" s="83"/>
    </row>
    <row r="241" spans="1:66" x14ac:dyDescent="0.3">
      <c r="A241" s="78"/>
      <c r="B241" s="78"/>
      <c r="C241" s="78"/>
      <c r="G241" s="78"/>
      <c r="H241" s="80"/>
      <c r="I241" s="81"/>
      <c r="J241" s="81"/>
      <c r="K241" s="82">
        <f>SUM(Table5[Nominal Roll])</f>
        <v>6691</v>
      </c>
      <c r="L241" s="11"/>
      <c r="M241" s="11"/>
      <c r="N241" s="11"/>
      <c r="O241" s="11"/>
      <c r="P241" s="11"/>
      <c r="Q241" s="11"/>
      <c r="R241" s="11"/>
      <c r="S241" s="11"/>
      <c r="T241" s="11"/>
      <c r="U241" s="11"/>
      <c r="V241" s="11"/>
      <c r="W241" s="11"/>
      <c r="X241" s="11"/>
      <c r="Y241" s="11"/>
      <c r="Z241" s="11"/>
      <c r="AA241" s="11"/>
      <c r="AB241" s="11"/>
      <c r="AC241" s="11"/>
      <c r="AD241" s="11"/>
      <c r="AE241" s="11"/>
      <c r="AF241" s="11"/>
      <c r="AG241" s="11"/>
      <c r="AH241" s="11"/>
      <c r="AI241" s="11"/>
      <c r="AJ241" s="11"/>
      <c r="AK241" s="11"/>
      <c r="AL241" s="11"/>
      <c r="AM241" s="11"/>
      <c r="AN241" s="83"/>
      <c r="AO241" s="83"/>
      <c r="AP241" s="83"/>
      <c r="AQ241" s="83"/>
      <c r="AR241" s="83"/>
      <c r="AS241" s="83"/>
      <c r="AT241" s="83"/>
      <c r="AU241" s="83"/>
      <c r="AV241" s="11"/>
      <c r="AW241" s="11"/>
      <c r="AX241" s="11"/>
      <c r="AY241" s="11"/>
      <c r="AZ241" s="11"/>
      <c r="BA241" s="11"/>
      <c r="BB241" s="11"/>
      <c r="BC241" s="11"/>
      <c r="BD241" s="83"/>
      <c r="BE241" s="83"/>
      <c r="BF241" s="83"/>
      <c r="BG241" s="83"/>
      <c r="BH241" s="83"/>
      <c r="BI241" s="83"/>
      <c r="BJ241" s="83"/>
      <c r="BK241" s="83"/>
      <c r="BL241" s="11"/>
      <c r="BM241" s="83"/>
      <c r="BN241" s="83"/>
    </row>
    <row r="242" spans="1:66" x14ac:dyDescent="0.3">
      <c r="A242" s="78"/>
      <c r="B242" s="78"/>
      <c r="C242" s="78"/>
      <c r="G242" s="78"/>
      <c r="H242" s="78"/>
      <c r="I242" s="81"/>
      <c r="J242" s="81"/>
      <c r="K242" s="82"/>
      <c r="L242" s="11"/>
      <c r="M242" s="11"/>
      <c r="N242" s="11"/>
      <c r="O242" s="11"/>
      <c r="P242" s="11"/>
      <c r="Q242" s="11"/>
      <c r="R242" s="11"/>
      <c r="S242" s="11"/>
      <c r="T242" s="11"/>
      <c r="U242" s="11"/>
      <c r="V242" s="11"/>
      <c r="W242" s="11"/>
      <c r="X242" s="11"/>
      <c r="Y242" s="11"/>
      <c r="Z242" s="11"/>
      <c r="AA242" s="11"/>
      <c r="AB242" s="11"/>
      <c r="AC242" s="11"/>
      <c r="AD242" s="11"/>
      <c r="AE242" s="11"/>
      <c r="AF242" s="11"/>
      <c r="AG242" s="11"/>
      <c r="AH242" s="11"/>
      <c r="AI242" s="11"/>
      <c r="AJ242" s="11"/>
      <c r="AK242" s="11"/>
      <c r="AL242" s="11"/>
      <c r="AM242" s="11"/>
      <c r="AN242" s="83"/>
      <c r="AO242" s="83"/>
      <c r="AP242" s="83"/>
      <c r="AQ242" s="83"/>
      <c r="AR242" s="83"/>
      <c r="AS242" s="83"/>
      <c r="AT242" s="83"/>
      <c r="AU242" s="83"/>
      <c r="AV242" s="11"/>
      <c r="AW242" s="11"/>
      <c r="AX242" s="11"/>
      <c r="AY242" s="11"/>
      <c r="AZ242" s="11"/>
      <c r="BA242" s="11"/>
      <c r="BB242" s="11"/>
      <c r="BC242" s="11"/>
      <c r="BD242" s="83"/>
      <c r="BE242" s="83"/>
      <c r="BF242" s="83"/>
      <c r="BG242" s="83"/>
      <c r="BH242" s="83"/>
      <c r="BI242" s="83"/>
      <c r="BJ242" s="83"/>
      <c r="BK242" s="83"/>
      <c r="BL242" s="11"/>
      <c r="BM242" s="83"/>
      <c r="BN242" s="83"/>
    </row>
    <row r="243" spans="1:66" x14ac:dyDescent="0.3">
      <c r="A243" s="78"/>
      <c r="B243" s="78"/>
      <c r="C243" s="78"/>
      <c r="G243" s="78"/>
      <c r="H243" s="78"/>
      <c r="I243" s="81"/>
      <c r="J243" s="81"/>
      <c r="K243" s="82"/>
      <c r="L243" s="11"/>
      <c r="M243" s="11"/>
      <c r="N243" s="11"/>
      <c r="O243" s="11"/>
      <c r="P243" s="11"/>
      <c r="Q243" s="11"/>
      <c r="R243" s="11"/>
      <c r="S243" s="11"/>
      <c r="T243" s="11"/>
      <c r="U243" s="11"/>
      <c r="V243" s="11"/>
      <c r="W243" s="11"/>
      <c r="X243" s="11"/>
      <c r="Y243" s="11"/>
      <c r="Z243" s="11"/>
      <c r="AA243" s="11"/>
      <c r="AB243" s="11"/>
      <c r="AC243" s="11"/>
      <c r="AD243" s="11"/>
      <c r="AE243" s="11"/>
      <c r="AF243" s="11"/>
      <c r="AG243" s="11"/>
      <c r="AH243" s="11"/>
      <c r="AI243" s="11"/>
      <c r="AJ243" s="11"/>
      <c r="AK243" s="11"/>
      <c r="AL243" s="11"/>
      <c r="AM243" s="11"/>
      <c r="AN243" s="83"/>
      <c r="AO243" s="83"/>
      <c r="AP243" s="83"/>
      <c r="AQ243" s="83"/>
      <c r="AR243" s="83"/>
      <c r="AS243" s="83"/>
      <c r="AT243" s="83"/>
      <c r="AU243" s="83"/>
      <c r="AV243" s="11"/>
      <c r="AW243" s="11"/>
      <c r="AX243" s="11"/>
      <c r="AY243" s="11"/>
      <c r="AZ243" s="11"/>
      <c r="BA243" s="11"/>
      <c r="BB243" s="11"/>
      <c r="BC243" s="11"/>
      <c r="BD243" s="83"/>
      <c r="BE243" s="83"/>
      <c r="BF243" s="83"/>
      <c r="BG243" s="83"/>
      <c r="BH243" s="83"/>
      <c r="BI243" s="83"/>
      <c r="BJ243" s="83"/>
      <c r="BK243" s="83"/>
      <c r="BL243" s="11"/>
      <c r="BM243" s="83"/>
      <c r="BN243" s="83"/>
    </row>
    <row r="244" spans="1:66" x14ac:dyDescent="0.3">
      <c r="A244" s="78"/>
      <c r="B244" s="78"/>
      <c r="C244" s="78"/>
      <c r="G244" s="78"/>
      <c r="H244" s="78"/>
      <c r="I244" s="81"/>
      <c r="J244" s="81"/>
      <c r="K244" s="82"/>
      <c r="L244" s="11"/>
      <c r="M244" s="11"/>
      <c r="N244" s="11"/>
      <c r="O244" s="11"/>
      <c r="P244" s="11"/>
      <c r="Q244" s="11"/>
      <c r="R244" s="11"/>
      <c r="S244" s="11"/>
      <c r="T244" s="11"/>
      <c r="U244" s="11"/>
      <c r="V244" s="11"/>
      <c r="W244" s="11"/>
      <c r="X244" s="11"/>
      <c r="Y244" s="11"/>
      <c r="Z244" s="11"/>
      <c r="AA244" s="11"/>
      <c r="AB244" s="11"/>
      <c r="AC244" s="11"/>
      <c r="AD244" s="11"/>
      <c r="AE244" s="11"/>
      <c r="AF244" s="11"/>
      <c r="AG244" s="11"/>
      <c r="AH244" s="11"/>
      <c r="AI244" s="11"/>
      <c r="AJ244" s="11"/>
      <c r="AK244" s="11"/>
      <c r="AL244" s="11"/>
      <c r="AM244" s="11"/>
      <c r="AN244" s="83"/>
      <c r="AO244" s="83"/>
      <c r="AP244" s="83"/>
      <c r="AQ244" s="83"/>
      <c r="AR244" s="83"/>
      <c r="AS244" s="83"/>
      <c r="AT244" s="83"/>
      <c r="AU244" s="83"/>
      <c r="AV244" s="11"/>
      <c r="AW244" s="11"/>
      <c r="AX244" s="11"/>
      <c r="AY244" s="11"/>
      <c r="AZ244" s="11"/>
      <c r="BA244" s="11"/>
      <c r="BB244" s="11"/>
      <c r="BC244" s="11"/>
      <c r="BD244" s="83"/>
      <c r="BE244" s="83"/>
      <c r="BF244" s="83"/>
      <c r="BG244" s="83"/>
      <c r="BH244" s="83"/>
      <c r="BI244" s="83"/>
      <c r="BJ244" s="83"/>
      <c r="BK244" s="83"/>
      <c r="BL244" s="11"/>
      <c r="BM244" s="83"/>
      <c r="BN244" s="83"/>
    </row>
    <row r="245" spans="1:66" x14ac:dyDescent="0.3">
      <c r="A245" s="78"/>
      <c r="B245" s="78"/>
      <c r="C245" s="78"/>
      <c r="G245" s="78"/>
      <c r="H245" s="78"/>
      <c r="I245" s="81"/>
      <c r="J245" s="81"/>
      <c r="K245" s="92"/>
      <c r="L245" s="11"/>
      <c r="M245" s="11"/>
      <c r="N245" s="11"/>
      <c r="O245" s="11"/>
      <c r="P245" s="11"/>
      <c r="Q245" s="11"/>
      <c r="R245" s="11"/>
      <c r="S245" s="11"/>
      <c r="T245" s="11"/>
      <c r="U245" s="11"/>
      <c r="V245" s="11"/>
      <c r="W245" s="11"/>
      <c r="X245" s="11"/>
      <c r="Y245" s="11"/>
      <c r="Z245" s="11"/>
      <c r="AA245" s="11"/>
      <c r="AB245" s="11"/>
      <c r="AC245" s="11"/>
      <c r="AD245" s="11"/>
      <c r="AE245" s="11"/>
      <c r="AF245" s="11"/>
      <c r="AG245" s="11"/>
      <c r="AH245" s="11"/>
      <c r="AI245" s="11"/>
      <c r="AJ245" s="11"/>
      <c r="AK245" s="11"/>
      <c r="AL245" s="11"/>
      <c r="AM245" s="11"/>
      <c r="AN245" s="83"/>
      <c r="AO245" s="83"/>
      <c r="AP245" s="83"/>
      <c r="AQ245" s="83"/>
      <c r="AR245" s="83"/>
      <c r="AS245" s="83"/>
      <c r="AT245" s="83"/>
      <c r="AU245" s="83"/>
      <c r="AV245" s="11"/>
      <c r="AW245" s="11"/>
      <c r="AX245" s="11"/>
      <c r="AY245" s="11"/>
      <c r="AZ245" s="11"/>
      <c r="BA245" s="11"/>
      <c r="BB245" s="11"/>
      <c r="BC245" s="11"/>
      <c r="BD245" s="83"/>
      <c r="BE245" s="83"/>
      <c r="BF245" s="83"/>
      <c r="BG245" s="83"/>
      <c r="BH245" s="83"/>
      <c r="BI245" s="83"/>
      <c r="BJ245" s="83"/>
      <c r="BK245" s="83"/>
      <c r="BL245" s="11"/>
      <c r="BM245" s="83"/>
      <c r="BN245" s="83"/>
    </row>
    <row r="246" spans="1:66" x14ac:dyDescent="0.3">
      <c r="A246" s="78"/>
      <c r="B246" s="78"/>
      <c r="C246" s="78"/>
      <c r="G246" s="78"/>
      <c r="H246" s="78"/>
      <c r="I246" s="81"/>
      <c r="J246" s="81"/>
      <c r="L246" s="11"/>
      <c r="M246" s="11"/>
      <c r="N246" s="11"/>
      <c r="O246" s="11"/>
      <c r="P246" s="11"/>
      <c r="Q246" s="11"/>
      <c r="R246" s="11"/>
      <c r="S246" s="11"/>
      <c r="T246" s="11"/>
      <c r="U246" s="11"/>
      <c r="V246" s="11"/>
      <c r="W246" s="11"/>
      <c r="X246" s="11"/>
      <c r="Y246" s="11"/>
      <c r="Z246" s="11"/>
      <c r="AA246" s="11"/>
      <c r="AB246" s="11"/>
      <c r="AC246" s="11"/>
      <c r="AD246" s="11"/>
      <c r="AE246" s="11"/>
      <c r="AF246" s="11"/>
      <c r="AG246" s="11"/>
      <c r="AH246" s="11"/>
      <c r="AI246" s="11"/>
      <c r="AJ246" s="11"/>
      <c r="AK246" s="11"/>
      <c r="AL246" s="11"/>
      <c r="AM246" s="11"/>
      <c r="AN246" s="83"/>
      <c r="AO246" s="83"/>
      <c r="AP246" s="83"/>
      <c r="AQ246" s="83"/>
      <c r="AR246" s="83"/>
      <c r="AS246" s="83"/>
      <c r="AT246" s="83"/>
      <c r="AU246" s="83"/>
      <c r="AV246" s="11"/>
      <c r="AW246" s="11"/>
      <c r="AX246" s="11"/>
      <c r="AY246" s="11"/>
      <c r="AZ246" s="11"/>
      <c r="BA246" s="11"/>
      <c r="BB246" s="11"/>
      <c r="BC246" s="11"/>
      <c r="BD246" s="83"/>
      <c r="BE246" s="83"/>
      <c r="BF246" s="83"/>
      <c r="BG246" s="83"/>
      <c r="BH246" s="83"/>
      <c r="BI246" s="83"/>
      <c r="BJ246" s="83"/>
      <c r="BK246" s="83"/>
      <c r="BL246" s="11"/>
      <c r="BM246" s="83"/>
      <c r="BN246" s="83"/>
    </row>
    <row r="247" spans="1:66" x14ac:dyDescent="0.3">
      <c r="A247" s="78"/>
      <c r="B247" s="78"/>
      <c r="C247" s="78"/>
      <c r="G247" s="78"/>
      <c r="H247" s="78"/>
      <c r="I247" s="81"/>
      <c r="J247" s="81"/>
      <c r="L247" s="11"/>
      <c r="M247" s="11"/>
      <c r="N247" s="11"/>
      <c r="O247" s="11"/>
      <c r="P247" s="11"/>
      <c r="Q247" s="11"/>
      <c r="R247" s="11"/>
      <c r="S247" s="11"/>
      <c r="T247" s="11"/>
      <c r="U247" s="11"/>
      <c r="V247" s="11"/>
      <c r="W247" s="11"/>
      <c r="X247" s="11"/>
      <c r="Y247" s="11"/>
      <c r="Z247" s="11"/>
      <c r="AA247" s="11"/>
      <c r="AB247" s="11"/>
      <c r="AC247" s="11"/>
      <c r="AD247" s="11"/>
      <c r="AE247" s="11"/>
      <c r="AF247" s="11"/>
      <c r="AG247" s="11"/>
      <c r="AH247" s="11"/>
      <c r="AI247" s="11"/>
      <c r="AJ247" s="11"/>
      <c r="AK247" s="11"/>
      <c r="AL247" s="11"/>
      <c r="AM247" s="11"/>
      <c r="AN247" s="83"/>
      <c r="AO247" s="83"/>
      <c r="AP247" s="83"/>
      <c r="AQ247" s="83"/>
      <c r="AR247" s="83"/>
      <c r="AS247" s="83"/>
      <c r="AT247" s="83"/>
      <c r="AU247" s="83"/>
      <c r="AV247" s="11"/>
      <c r="AW247" s="11"/>
      <c r="AX247" s="11"/>
      <c r="AY247" s="11"/>
      <c r="AZ247" s="11"/>
      <c r="BA247" s="11"/>
      <c r="BB247" s="11"/>
      <c r="BC247" s="11"/>
      <c r="BD247" s="83"/>
      <c r="BE247" s="83"/>
      <c r="BF247" s="83"/>
      <c r="BG247" s="83"/>
      <c r="BH247" s="83"/>
      <c r="BI247" s="83"/>
      <c r="BJ247" s="83"/>
      <c r="BK247" s="83"/>
      <c r="BL247" s="11"/>
      <c r="BM247" s="83"/>
      <c r="BN247" s="83"/>
    </row>
    <row r="248" spans="1:66" x14ac:dyDescent="0.3">
      <c r="A248" s="78"/>
      <c r="B248" s="78"/>
      <c r="C248" s="78"/>
      <c r="G248" s="78"/>
      <c r="H248" s="78"/>
      <c r="I248" s="81"/>
      <c r="J248" s="81"/>
      <c r="L248" s="11"/>
      <c r="M248" s="11"/>
      <c r="N248" s="11"/>
      <c r="O248" s="11"/>
      <c r="P248" s="11"/>
      <c r="Q248" s="11"/>
      <c r="R248" s="11"/>
      <c r="S248" s="11"/>
      <c r="T248" s="11"/>
      <c r="U248" s="11"/>
      <c r="V248" s="11"/>
      <c r="W248" s="11"/>
      <c r="X248" s="11"/>
      <c r="Y248" s="11"/>
      <c r="Z248" s="11"/>
      <c r="AA248" s="11"/>
      <c r="AB248" s="11"/>
      <c r="AC248" s="11"/>
      <c r="AD248" s="11"/>
      <c r="AE248" s="11"/>
      <c r="AF248" s="11"/>
      <c r="AG248" s="11"/>
      <c r="AH248" s="11"/>
      <c r="AI248" s="11"/>
      <c r="AJ248" s="11"/>
      <c r="AK248" s="11"/>
      <c r="AL248" s="11"/>
      <c r="AM248" s="11"/>
      <c r="AN248" s="83"/>
      <c r="AO248" s="83"/>
      <c r="AP248" s="83"/>
      <c r="AQ248" s="83"/>
      <c r="AR248" s="83"/>
      <c r="AS248" s="83"/>
      <c r="AT248" s="83"/>
      <c r="AU248" s="83"/>
      <c r="AV248" s="11"/>
      <c r="AW248" s="11"/>
      <c r="AX248" s="11"/>
      <c r="AY248" s="11"/>
      <c r="AZ248" s="11"/>
      <c r="BA248" s="11"/>
      <c r="BB248" s="11"/>
      <c r="BC248" s="11"/>
      <c r="BD248" s="83"/>
      <c r="BE248" s="83"/>
      <c r="BF248" s="83"/>
      <c r="BG248" s="83"/>
      <c r="BH248" s="83"/>
      <c r="BI248" s="83"/>
      <c r="BJ248" s="83"/>
      <c r="BK248" s="83"/>
      <c r="BL248" s="11"/>
      <c r="BM248" s="83"/>
      <c r="BN248" s="83"/>
    </row>
    <row r="249" spans="1:66" x14ac:dyDescent="0.3">
      <c r="A249" s="78"/>
      <c r="B249" s="78"/>
      <c r="C249" s="78"/>
      <c r="G249" s="78"/>
      <c r="H249" s="78"/>
      <c r="I249" s="81"/>
      <c r="J249" s="81"/>
      <c r="L249" s="11"/>
      <c r="M249" s="11"/>
      <c r="N249" s="11"/>
      <c r="O249" s="11"/>
      <c r="P249" s="11"/>
      <c r="Q249" s="11"/>
      <c r="R249" s="11"/>
      <c r="S249" s="11"/>
      <c r="T249" s="11"/>
      <c r="U249" s="11"/>
      <c r="V249" s="11"/>
      <c r="W249" s="11"/>
      <c r="X249" s="11"/>
      <c r="Y249" s="11"/>
      <c r="Z249" s="11"/>
      <c r="AA249" s="11"/>
      <c r="AB249" s="11"/>
      <c r="AC249" s="11"/>
      <c r="AD249" s="11"/>
      <c r="AE249" s="11"/>
      <c r="AF249" s="11"/>
      <c r="AG249" s="11"/>
      <c r="AH249" s="11"/>
      <c r="AI249" s="11"/>
      <c r="AJ249" s="11"/>
      <c r="AK249" s="11"/>
      <c r="AL249" s="11"/>
      <c r="AM249" s="11"/>
      <c r="AN249" s="83"/>
      <c r="AO249" s="83"/>
      <c r="AP249" s="83"/>
      <c r="AQ249" s="83"/>
      <c r="AR249" s="83"/>
      <c r="AS249" s="83"/>
      <c r="AT249" s="83"/>
      <c r="AU249" s="83"/>
      <c r="AV249" s="11"/>
      <c r="AW249" s="11"/>
      <c r="AX249" s="11"/>
      <c r="AY249" s="11"/>
      <c r="AZ249" s="11"/>
      <c r="BA249" s="11"/>
      <c r="BB249" s="11"/>
      <c r="BC249" s="11"/>
      <c r="BD249" s="83"/>
      <c r="BE249" s="83"/>
      <c r="BF249" s="83"/>
      <c r="BG249" s="83"/>
      <c r="BH249" s="83"/>
      <c r="BI249" s="83"/>
      <c r="BJ249" s="83"/>
      <c r="BK249" s="83"/>
      <c r="BL249" s="11"/>
      <c r="BM249" s="83"/>
      <c r="BN249" s="83"/>
    </row>
    <row r="250" spans="1:66" x14ac:dyDescent="0.3">
      <c r="A250" s="78"/>
      <c r="B250" s="78"/>
      <c r="C250" s="78"/>
      <c r="G250" s="78"/>
      <c r="H250" s="78"/>
      <c r="I250" s="81"/>
      <c r="J250" s="81"/>
      <c r="L250" s="11"/>
      <c r="M250" s="11"/>
      <c r="N250" s="11"/>
      <c r="O250" s="11"/>
      <c r="P250" s="11"/>
      <c r="Q250" s="11"/>
      <c r="R250" s="11"/>
      <c r="S250" s="11"/>
      <c r="T250" s="11"/>
      <c r="U250" s="11"/>
      <c r="V250" s="11"/>
      <c r="W250" s="11"/>
      <c r="X250" s="11"/>
      <c r="Y250" s="11"/>
      <c r="Z250" s="11"/>
      <c r="AA250" s="11"/>
      <c r="AB250" s="11"/>
      <c r="AC250" s="11"/>
      <c r="AD250" s="11"/>
      <c r="AE250" s="11"/>
      <c r="AF250" s="11"/>
      <c r="AG250" s="11"/>
      <c r="AH250" s="11"/>
      <c r="AI250" s="11"/>
      <c r="AJ250" s="11"/>
      <c r="AK250" s="11"/>
      <c r="AL250" s="11"/>
      <c r="AM250" s="11"/>
      <c r="AN250" s="83"/>
      <c r="AO250" s="83"/>
      <c r="AP250" s="83"/>
      <c r="AQ250" s="83"/>
      <c r="AR250" s="83"/>
      <c r="AS250" s="83"/>
      <c r="AT250" s="83"/>
      <c r="AU250" s="83"/>
      <c r="AV250" s="11"/>
      <c r="AW250" s="11"/>
      <c r="AX250" s="11"/>
      <c r="AY250" s="11"/>
      <c r="AZ250" s="11"/>
      <c r="BA250" s="11"/>
      <c r="BB250" s="11"/>
      <c r="BC250" s="11"/>
      <c r="BD250" s="11"/>
      <c r="BE250" s="11"/>
      <c r="BF250" s="11"/>
      <c r="BG250" s="11"/>
      <c r="BH250" s="11"/>
      <c r="BI250" s="11"/>
      <c r="BJ250" s="11"/>
      <c r="BK250" s="11"/>
      <c r="BL250" s="11"/>
      <c r="BM250" s="83"/>
      <c r="BN250" s="83"/>
    </row>
    <row r="251" spans="1:66" x14ac:dyDescent="0.3">
      <c r="A251" s="78"/>
      <c r="B251" s="78"/>
      <c r="C251" s="78"/>
      <c r="G251" s="78"/>
      <c r="H251" s="78"/>
      <c r="I251" s="81"/>
      <c r="J251" s="81"/>
      <c r="L251" s="11"/>
      <c r="M251" s="11"/>
      <c r="N251" s="11"/>
      <c r="O251" s="11"/>
      <c r="P251" s="11"/>
      <c r="Q251" s="11"/>
      <c r="R251" s="11"/>
      <c r="S251" s="11"/>
      <c r="T251" s="11"/>
      <c r="U251" s="11"/>
      <c r="V251" s="11"/>
      <c r="W251" s="11"/>
      <c r="X251" s="11"/>
      <c r="Y251" s="11"/>
      <c r="Z251" s="11"/>
      <c r="AA251" s="11"/>
      <c r="AB251" s="11"/>
      <c r="AC251" s="11"/>
      <c r="AD251" s="11"/>
      <c r="AE251" s="11"/>
      <c r="AF251" s="11"/>
      <c r="AG251" s="11"/>
      <c r="AH251" s="11"/>
      <c r="AI251" s="11"/>
      <c r="AJ251" s="11"/>
      <c r="AK251" s="11"/>
      <c r="AL251" s="11"/>
      <c r="AM251" s="11"/>
      <c r="AN251" s="83"/>
      <c r="AO251" s="83"/>
      <c r="AP251" s="83"/>
      <c r="AQ251" s="83"/>
      <c r="AR251" s="83"/>
      <c r="AS251" s="83"/>
      <c r="AT251" s="83"/>
      <c r="AU251" s="83"/>
      <c r="AV251" s="11"/>
      <c r="AW251" s="11"/>
      <c r="AX251" s="11"/>
      <c r="AY251" s="11"/>
      <c r="AZ251" s="11"/>
      <c r="BA251" s="11"/>
      <c r="BB251" s="11"/>
      <c r="BC251" s="11"/>
      <c r="BD251" s="11"/>
      <c r="BE251" s="11"/>
      <c r="BF251" s="11"/>
      <c r="BG251" s="11"/>
      <c r="BH251" s="11"/>
      <c r="BI251" s="11"/>
      <c r="BJ251" s="11"/>
      <c r="BK251" s="11"/>
      <c r="BL251" s="11"/>
      <c r="BM251" s="83"/>
      <c r="BN251" s="83"/>
    </row>
    <row r="252" spans="1:66" x14ac:dyDescent="0.3">
      <c r="A252" s="78"/>
      <c r="B252" s="78"/>
      <c r="C252" s="78"/>
      <c r="G252" s="78"/>
      <c r="H252" s="78"/>
      <c r="I252" s="81"/>
      <c r="J252" s="81"/>
      <c r="L252" s="11"/>
      <c r="M252" s="11"/>
      <c r="N252" s="11"/>
      <c r="O252" s="11"/>
      <c r="P252" s="11"/>
      <c r="Q252" s="11"/>
      <c r="R252" s="11"/>
      <c r="S252" s="11"/>
      <c r="T252" s="11"/>
      <c r="U252" s="11"/>
      <c r="V252" s="11"/>
      <c r="W252" s="11"/>
      <c r="X252" s="11"/>
      <c r="Y252" s="11"/>
      <c r="Z252" s="11"/>
      <c r="AA252" s="11"/>
      <c r="AB252" s="11"/>
      <c r="AC252" s="11"/>
      <c r="AD252" s="11"/>
      <c r="AE252" s="11"/>
      <c r="AF252" s="11"/>
      <c r="AG252" s="11"/>
      <c r="AH252" s="11"/>
      <c r="AI252" s="11"/>
      <c r="AJ252" s="11"/>
      <c r="AK252" s="11"/>
      <c r="AL252" s="11"/>
      <c r="AM252" s="11"/>
      <c r="AN252" s="83"/>
      <c r="AO252" s="83"/>
      <c r="AP252" s="83"/>
      <c r="AQ252" s="83"/>
      <c r="AR252" s="83"/>
      <c r="AS252" s="83"/>
      <c r="AT252" s="83"/>
      <c r="AU252" s="83"/>
      <c r="AV252" s="11"/>
      <c r="AW252" s="11"/>
      <c r="AX252" s="11"/>
      <c r="AY252" s="11"/>
      <c r="AZ252" s="11"/>
      <c r="BA252" s="11"/>
      <c r="BB252" s="11"/>
      <c r="BC252" s="11"/>
      <c r="BD252" s="11"/>
      <c r="BE252" s="11"/>
      <c r="BF252" s="11"/>
      <c r="BG252" s="11"/>
      <c r="BH252" s="11"/>
      <c r="BI252" s="11"/>
      <c r="BJ252" s="11"/>
      <c r="BK252" s="11"/>
      <c r="BL252" s="11"/>
      <c r="BM252" s="83"/>
      <c r="BN252" s="83"/>
    </row>
    <row r="253" spans="1:66" x14ac:dyDescent="0.3">
      <c r="A253" s="78"/>
      <c r="B253" s="78"/>
      <c r="C253" s="78"/>
      <c r="G253" s="78"/>
      <c r="H253" s="78"/>
      <c r="I253" s="81"/>
      <c r="J253" s="81"/>
      <c r="L253" s="11"/>
      <c r="M253" s="11"/>
      <c r="N253" s="11"/>
      <c r="O253" s="11"/>
      <c r="P253" s="11"/>
      <c r="Q253" s="11"/>
      <c r="R253" s="11"/>
      <c r="S253" s="11"/>
      <c r="T253" s="11"/>
      <c r="U253" s="11"/>
      <c r="V253" s="11"/>
      <c r="W253" s="11"/>
      <c r="X253" s="11"/>
      <c r="Y253" s="11"/>
      <c r="Z253" s="11"/>
      <c r="AA253" s="11"/>
      <c r="AB253" s="11"/>
      <c r="AC253" s="11"/>
      <c r="AD253" s="11"/>
      <c r="AE253" s="11"/>
      <c r="AF253" s="11"/>
      <c r="AG253" s="11"/>
      <c r="AH253" s="11"/>
      <c r="AI253" s="11"/>
      <c r="AJ253" s="11"/>
      <c r="AK253" s="11"/>
      <c r="AL253" s="11"/>
      <c r="AM253" s="11"/>
      <c r="AN253" s="83"/>
      <c r="AO253" s="83"/>
      <c r="AP253" s="83"/>
      <c r="AQ253" s="83"/>
      <c r="AR253" s="83"/>
      <c r="AS253" s="83"/>
      <c r="AT253" s="83"/>
      <c r="AU253" s="83"/>
      <c r="AV253" s="11"/>
      <c r="AW253" s="11"/>
      <c r="AX253" s="11"/>
      <c r="AY253" s="11"/>
      <c r="AZ253" s="11"/>
      <c r="BA253" s="11"/>
      <c r="BB253" s="11"/>
      <c r="BC253" s="11"/>
      <c r="BD253" s="11"/>
      <c r="BE253" s="11"/>
      <c r="BF253" s="11"/>
      <c r="BG253" s="11"/>
      <c r="BH253" s="11"/>
      <c r="BI253" s="11"/>
      <c r="BJ253" s="11"/>
      <c r="BK253" s="11"/>
      <c r="BL253" s="11"/>
      <c r="BM253" s="83"/>
      <c r="BN253" s="83"/>
    </row>
    <row r="254" spans="1:66" x14ac:dyDescent="0.3">
      <c r="A254" s="78"/>
      <c r="B254" s="78"/>
      <c r="C254" s="78"/>
      <c r="G254" s="78"/>
      <c r="H254" s="78"/>
      <c r="I254" s="81"/>
      <c r="J254" s="81"/>
      <c r="L254" s="11"/>
      <c r="M254" s="11"/>
      <c r="N254" s="11"/>
      <c r="O254" s="11"/>
      <c r="P254" s="11"/>
      <c r="Q254" s="11"/>
      <c r="R254" s="11"/>
      <c r="S254" s="11"/>
      <c r="T254" s="11"/>
      <c r="U254" s="11"/>
      <c r="V254" s="11"/>
      <c r="W254" s="11"/>
      <c r="X254" s="11"/>
      <c r="Y254" s="11"/>
      <c r="Z254" s="11"/>
      <c r="AA254" s="11"/>
      <c r="AB254" s="11"/>
      <c r="AC254" s="11"/>
      <c r="AD254" s="11"/>
      <c r="AE254" s="11"/>
      <c r="AF254" s="11"/>
      <c r="AG254" s="11"/>
      <c r="AH254" s="11"/>
      <c r="AI254" s="11"/>
      <c r="AJ254" s="11"/>
      <c r="AK254" s="11"/>
      <c r="AL254" s="11"/>
      <c r="AM254" s="11"/>
      <c r="AN254" s="83"/>
      <c r="AO254" s="83"/>
      <c r="AP254" s="83"/>
      <c r="AQ254" s="83"/>
      <c r="AR254" s="83"/>
      <c r="AS254" s="83"/>
      <c r="AT254" s="83"/>
      <c r="AU254" s="83"/>
      <c r="AV254" s="11"/>
      <c r="AW254" s="11"/>
      <c r="AX254" s="11"/>
      <c r="AY254" s="11"/>
      <c r="AZ254" s="11"/>
      <c r="BA254" s="11"/>
      <c r="BB254" s="11"/>
      <c r="BC254" s="11"/>
      <c r="BD254" s="11"/>
      <c r="BE254" s="11"/>
      <c r="BF254" s="11"/>
      <c r="BG254" s="11"/>
      <c r="BH254" s="11"/>
      <c r="BI254" s="11"/>
      <c r="BJ254" s="11"/>
      <c r="BK254" s="11"/>
      <c r="BL254" s="11"/>
      <c r="BM254" s="83"/>
      <c r="BN254" s="83"/>
    </row>
    <row r="255" spans="1:66" x14ac:dyDescent="0.3">
      <c r="A255" s="78"/>
      <c r="B255" s="78"/>
      <c r="C255" s="78"/>
      <c r="G255" s="78"/>
      <c r="H255" s="78"/>
      <c r="I255" s="81"/>
      <c r="J255" s="81"/>
      <c r="L255" s="11"/>
      <c r="M255" s="11"/>
      <c r="N255" s="11"/>
      <c r="O255" s="11"/>
      <c r="P255" s="11"/>
      <c r="Q255" s="11"/>
      <c r="R255" s="11"/>
      <c r="S255" s="11"/>
      <c r="T255" s="11"/>
      <c r="U255" s="11"/>
      <c r="V255" s="11"/>
      <c r="W255" s="11"/>
      <c r="X255" s="11"/>
      <c r="Y255" s="11"/>
      <c r="Z255" s="11"/>
      <c r="AA255" s="11"/>
      <c r="AB255" s="11"/>
      <c r="AC255" s="11"/>
      <c r="AD255" s="11"/>
      <c r="AE255" s="11"/>
      <c r="AF255" s="11"/>
      <c r="AG255" s="11"/>
      <c r="AH255" s="11"/>
      <c r="AI255" s="11"/>
      <c r="AJ255" s="11"/>
      <c r="AK255" s="11"/>
      <c r="AL255" s="11"/>
      <c r="AM255" s="11"/>
      <c r="AN255" s="83"/>
      <c r="AO255" s="83"/>
      <c r="AP255" s="83"/>
      <c r="AQ255" s="83"/>
      <c r="AR255" s="83"/>
      <c r="AS255" s="83"/>
      <c r="AT255" s="83"/>
      <c r="AU255" s="83"/>
      <c r="AV255" s="11"/>
      <c r="AW255" s="11"/>
      <c r="AX255" s="11"/>
      <c r="AY255" s="11"/>
      <c r="AZ255" s="11"/>
      <c r="BA255" s="11"/>
      <c r="BB255" s="11"/>
      <c r="BC255" s="11"/>
      <c r="BD255" s="11"/>
      <c r="BE255" s="11"/>
      <c r="BF255" s="11"/>
      <c r="BG255" s="11"/>
      <c r="BH255" s="11"/>
      <c r="BI255" s="11"/>
      <c r="BJ255" s="11"/>
      <c r="BK255" s="11"/>
      <c r="BL255" s="11"/>
      <c r="BM255" s="83"/>
      <c r="BN255" s="83"/>
    </row>
    <row r="256" spans="1:66" x14ac:dyDescent="0.3">
      <c r="A256" s="78"/>
      <c r="B256" s="78"/>
      <c r="C256" s="78"/>
      <c r="G256" s="78"/>
      <c r="H256" s="78"/>
      <c r="I256" s="81"/>
      <c r="J256" s="81"/>
      <c r="L256" s="11"/>
      <c r="M256" s="11"/>
      <c r="N256" s="11"/>
      <c r="O256" s="11"/>
      <c r="P256" s="11"/>
      <c r="Q256" s="11"/>
      <c r="R256" s="11"/>
      <c r="S256" s="11"/>
      <c r="T256" s="11"/>
      <c r="U256" s="11"/>
      <c r="V256" s="11"/>
      <c r="W256" s="11"/>
      <c r="X256" s="11"/>
      <c r="Y256" s="11"/>
      <c r="Z256" s="11"/>
      <c r="AA256" s="11"/>
      <c r="AB256" s="11"/>
      <c r="AC256" s="11"/>
      <c r="AD256" s="11"/>
      <c r="AE256" s="11"/>
      <c r="AF256" s="11"/>
      <c r="AG256" s="11"/>
      <c r="AH256" s="11"/>
      <c r="AI256" s="11"/>
      <c r="AJ256" s="11"/>
      <c r="AK256" s="11"/>
      <c r="AL256" s="11"/>
      <c r="AM256" s="11"/>
      <c r="AN256" s="83"/>
      <c r="AO256" s="83"/>
      <c r="AP256" s="83"/>
      <c r="AQ256" s="83"/>
      <c r="AR256" s="83"/>
      <c r="AS256" s="83"/>
      <c r="AT256" s="83"/>
      <c r="AU256" s="83"/>
      <c r="AV256" s="11"/>
      <c r="AW256" s="11"/>
      <c r="AX256" s="11"/>
      <c r="AY256" s="11"/>
      <c r="AZ256" s="11"/>
      <c r="BA256" s="11"/>
      <c r="BB256" s="11"/>
      <c r="BC256" s="11"/>
      <c r="BD256" s="11"/>
      <c r="BE256" s="11"/>
      <c r="BF256" s="11"/>
      <c r="BG256" s="11"/>
      <c r="BH256" s="11"/>
      <c r="BI256" s="11"/>
      <c r="BJ256" s="11"/>
      <c r="BK256" s="11"/>
      <c r="BL256" s="11"/>
      <c r="BM256" s="83"/>
      <c r="BN256" s="83"/>
    </row>
    <row r="257" spans="1:66" x14ac:dyDescent="0.3">
      <c r="A257" s="78"/>
      <c r="B257" s="78"/>
      <c r="C257" s="78"/>
      <c r="G257" s="78"/>
      <c r="H257" s="78"/>
      <c r="I257" s="81"/>
      <c r="J257" s="81"/>
      <c r="L257" s="11"/>
      <c r="M257" s="11"/>
      <c r="N257" s="11"/>
      <c r="O257" s="11"/>
      <c r="P257" s="11"/>
      <c r="Q257" s="11"/>
      <c r="R257" s="11"/>
      <c r="S257" s="11"/>
      <c r="T257" s="11"/>
      <c r="U257" s="11"/>
      <c r="V257" s="11"/>
      <c r="W257" s="11"/>
      <c r="X257" s="11"/>
      <c r="Y257" s="11"/>
      <c r="Z257" s="11"/>
      <c r="AA257" s="11"/>
      <c r="AB257" s="11"/>
      <c r="AC257" s="11"/>
      <c r="AD257" s="11"/>
      <c r="AE257" s="11"/>
      <c r="AF257" s="11"/>
      <c r="AG257" s="11"/>
      <c r="AH257" s="11"/>
      <c r="AI257" s="11"/>
      <c r="AJ257" s="11"/>
      <c r="AK257" s="11"/>
      <c r="AL257" s="11"/>
      <c r="AM257" s="11"/>
      <c r="AN257" s="83"/>
      <c r="AO257" s="83"/>
      <c r="AP257" s="83"/>
      <c r="AQ257" s="83"/>
      <c r="AR257" s="83"/>
      <c r="AS257" s="83"/>
      <c r="AT257" s="83"/>
      <c r="AU257" s="83"/>
      <c r="AV257" s="11"/>
      <c r="AW257" s="11"/>
      <c r="AX257" s="11"/>
      <c r="AY257" s="11"/>
      <c r="AZ257" s="11"/>
      <c r="BA257" s="11"/>
      <c r="BB257" s="11"/>
      <c r="BC257" s="11"/>
      <c r="BD257" s="11"/>
      <c r="BE257" s="11"/>
      <c r="BF257" s="11"/>
      <c r="BG257" s="11"/>
      <c r="BH257" s="11"/>
      <c r="BI257" s="11"/>
      <c r="BJ257" s="11"/>
      <c r="BK257" s="11"/>
      <c r="BL257" s="11"/>
      <c r="BM257" s="83"/>
      <c r="BN257" s="83"/>
    </row>
    <row r="258" spans="1:66" x14ac:dyDescent="0.3">
      <c r="A258" s="93"/>
      <c r="B258" s="78"/>
      <c r="C258" s="78"/>
      <c r="G258" s="93"/>
      <c r="H258" s="78"/>
      <c r="I258" s="81"/>
      <c r="J258" s="81"/>
      <c r="L258" s="11"/>
      <c r="M258" s="11"/>
      <c r="N258" s="11"/>
      <c r="O258" s="11"/>
      <c r="P258" s="11"/>
      <c r="Q258" s="11"/>
      <c r="R258" s="11"/>
      <c r="S258" s="11"/>
      <c r="T258" s="11"/>
      <c r="U258" s="11"/>
      <c r="V258" s="11"/>
      <c r="W258" s="11"/>
      <c r="X258" s="11"/>
      <c r="Y258" s="11"/>
      <c r="Z258" s="11"/>
      <c r="AA258" s="11"/>
      <c r="AB258" s="11"/>
      <c r="AC258" s="11"/>
      <c r="AD258" s="11"/>
      <c r="AE258" s="11"/>
      <c r="AF258" s="11"/>
      <c r="AG258" s="11"/>
      <c r="AH258" s="11"/>
      <c r="AI258" s="11"/>
      <c r="AJ258" s="11"/>
      <c r="AK258" s="11"/>
      <c r="AL258" s="11"/>
      <c r="AM258" s="11"/>
      <c r="AN258" s="83"/>
      <c r="AO258" s="83"/>
      <c r="AP258" s="83"/>
      <c r="AQ258" s="83"/>
      <c r="AR258" s="83"/>
      <c r="AS258" s="83"/>
      <c r="AT258" s="83"/>
      <c r="AU258" s="83"/>
      <c r="AV258" s="11"/>
      <c r="AW258" s="11"/>
      <c r="AX258" s="11"/>
      <c r="AY258" s="11"/>
      <c r="AZ258" s="11"/>
      <c r="BA258" s="11"/>
      <c r="BB258" s="11"/>
      <c r="BC258" s="11"/>
      <c r="BD258" s="11"/>
      <c r="BE258" s="11"/>
      <c r="BF258" s="11"/>
      <c r="BG258" s="11"/>
      <c r="BH258" s="11"/>
      <c r="BI258" s="11"/>
      <c r="BJ258" s="11"/>
      <c r="BK258" s="11"/>
      <c r="BL258" s="11"/>
      <c r="BM258" s="83"/>
      <c r="BN258" s="83"/>
    </row>
    <row r="259" spans="1:66" x14ac:dyDescent="0.3">
      <c r="B259" s="78"/>
      <c r="C259" s="78"/>
      <c r="H259" s="78"/>
      <c r="I259" s="81"/>
      <c r="J259" s="81"/>
      <c r="L259" s="11"/>
      <c r="M259" s="11"/>
      <c r="N259" s="11"/>
      <c r="O259" s="11"/>
      <c r="P259" s="11"/>
      <c r="Q259" s="11"/>
      <c r="R259" s="11"/>
      <c r="S259" s="11"/>
      <c r="T259" s="11"/>
      <c r="U259" s="11"/>
      <c r="V259" s="11"/>
      <c r="W259" s="11"/>
      <c r="X259" s="11"/>
      <c r="Y259" s="11"/>
      <c r="Z259" s="11"/>
      <c r="AA259" s="11"/>
      <c r="AB259" s="11"/>
      <c r="AC259" s="11"/>
      <c r="AD259" s="11"/>
      <c r="AE259" s="11"/>
      <c r="AF259" s="11"/>
      <c r="AG259" s="11"/>
      <c r="AH259" s="11"/>
      <c r="AI259" s="11"/>
      <c r="AJ259" s="11"/>
      <c r="AK259" s="11"/>
      <c r="AL259" s="11"/>
      <c r="AM259" s="11"/>
      <c r="AN259" s="83"/>
      <c r="AO259" s="83"/>
      <c r="AP259" s="83"/>
      <c r="AQ259" s="83"/>
      <c r="AR259" s="83"/>
      <c r="AS259" s="83"/>
      <c r="AT259" s="83"/>
      <c r="AU259" s="83"/>
      <c r="AV259" s="11"/>
      <c r="AW259" s="11"/>
      <c r="AX259" s="11"/>
      <c r="AY259" s="11"/>
      <c r="AZ259" s="11"/>
      <c r="BA259" s="11"/>
      <c r="BB259" s="11"/>
      <c r="BC259" s="11"/>
      <c r="BD259" s="11"/>
      <c r="BE259" s="11"/>
      <c r="BF259" s="11"/>
      <c r="BG259" s="11"/>
      <c r="BH259" s="11"/>
      <c r="BI259" s="11"/>
      <c r="BJ259" s="11"/>
      <c r="BK259" s="11"/>
      <c r="BL259" s="11"/>
      <c r="BM259" s="83"/>
      <c r="BN259" s="83"/>
    </row>
    <row r="260" spans="1:66" x14ac:dyDescent="0.3">
      <c r="B260" s="78"/>
      <c r="C260" s="78"/>
      <c r="H260" s="78"/>
      <c r="I260" s="81"/>
      <c r="J260" s="81"/>
      <c r="L260" s="11"/>
      <c r="M260" s="11"/>
      <c r="N260" s="11"/>
      <c r="O260" s="11"/>
      <c r="P260" s="11"/>
      <c r="Q260" s="11"/>
      <c r="R260" s="11"/>
      <c r="S260" s="11"/>
      <c r="T260" s="11"/>
      <c r="U260" s="11"/>
      <c r="V260" s="11"/>
      <c r="W260" s="11"/>
      <c r="X260" s="11"/>
      <c r="Y260" s="11"/>
      <c r="Z260" s="11"/>
      <c r="AA260" s="11"/>
      <c r="AB260" s="11"/>
      <c r="AC260" s="11"/>
      <c r="AD260" s="11"/>
      <c r="AE260" s="11"/>
      <c r="AF260" s="11"/>
      <c r="AG260" s="11"/>
      <c r="AH260" s="11"/>
      <c r="AI260" s="11"/>
      <c r="AJ260" s="11"/>
      <c r="AK260" s="11"/>
      <c r="AL260" s="11"/>
      <c r="AM260" s="11"/>
      <c r="AN260" s="83"/>
      <c r="AO260" s="83"/>
      <c r="AP260" s="83"/>
      <c r="AQ260" s="83"/>
      <c r="AR260" s="83"/>
      <c r="AS260" s="83"/>
      <c r="AT260" s="83"/>
      <c r="AU260" s="83"/>
      <c r="AV260" s="11"/>
      <c r="AW260" s="11"/>
      <c r="AX260" s="11"/>
      <c r="AY260" s="11"/>
      <c r="AZ260" s="11"/>
      <c r="BA260" s="11"/>
      <c r="BB260" s="11"/>
      <c r="BC260" s="11"/>
      <c r="BD260" s="11"/>
      <c r="BE260" s="11"/>
      <c r="BF260" s="11"/>
      <c r="BG260" s="11"/>
      <c r="BH260" s="11"/>
      <c r="BI260" s="11"/>
      <c r="BJ260" s="11"/>
      <c r="BK260" s="11"/>
      <c r="BL260" s="11"/>
      <c r="BM260" s="83"/>
      <c r="BN260" s="83"/>
    </row>
    <row r="261" spans="1:66" x14ac:dyDescent="0.3">
      <c r="B261" s="78"/>
      <c r="C261" s="78"/>
      <c r="H261" s="78"/>
      <c r="I261" s="81"/>
      <c r="J261" s="81"/>
      <c r="L261" s="11"/>
      <c r="M261" s="11"/>
      <c r="N261" s="11"/>
      <c r="O261" s="11"/>
      <c r="P261" s="11"/>
      <c r="Q261" s="11"/>
      <c r="R261" s="11"/>
      <c r="S261" s="11"/>
      <c r="T261" s="11"/>
      <c r="U261" s="11"/>
      <c r="V261" s="11"/>
      <c r="W261" s="11"/>
      <c r="X261" s="11"/>
      <c r="Y261" s="11"/>
      <c r="Z261" s="11"/>
      <c r="AA261" s="11"/>
      <c r="AB261" s="11"/>
      <c r="AC261" s="11"/>
      <c r="AD261" s="11"/>
      <c r="AE261" s="11"/>
      <c r="AF261" s="11"/>
      <c r="AG261" s="11"/>
      <c r="AH261" s="11"/>
      <c r="AI261" s="11"/>
      <c r="AJ261" s="11"/>
      <c r="AK261" s="11"/>
      <c r="AL261" s="11"/>
      <c r="AM261" s="11"/>
      <c r="AN261" s="83"/>
      <c r="AO261" s="83"/>
      <c r="AP261" s="83"/>
      <c r="AQ261" s="83"/>
      <c r="AR261" s="83"/>
      <c r="AS261" s="83"/>
      <c r="AT261" s="83"/>
      <c r="AU261" s="83"/>
      <c r="AV261" s="11"/>
      <c r="AW261" s="11"/>
      <c r="AX261" s="11"/>
      <c r="AY261" s="11"/>
      <c r="AZ261" s="11"/>
      <c r="BA261" s="11"/>
      <c r="BB261" s="11"/>
      <c r="BC261" s="11"/>
      <c r="BD261" s="11"/>
      <c r="BE261" s="11"/>
      <c r="BF261" s="11"/>
      <c r="BG261" s="11"/>
      <c r="BH261" s="11"/>
      <c r="BI261" s="11"/>
      <c r="BJ261" s="11"/>
      <c r="BK261" s="11"/>
      <c r="BL261" s="11"/>
      <c r="BM261" s="83"/>
      <c r="BN261" s="83"/>
    </row>
    <row r="262" spans="1:66" x14ac:dyDescent="0.3">
      <c r="B262" s="78"/>
      <c r="C262" s="78"/>
      <c r="H262" s="78"/>
      <c r="I262" s="81"/>
      <c r="J262" s="81"/>
      <c r="L262" s="11"/>
      <c r="M262" s="11"/>
      <c r="N262" s="11"/>
      <c r="O262" s="11"/>
      <c r="P262" s="11"/>
      <c r="Q262" s="11"/>
      <c r="R262" s="11"/>
      <c r="S262" s="11"/>
      <c r="T262" s="11"/>
      <c r="U262" s="11"/>
      <c r="V262" s="11"/>
      <c r="W262" s="11"/>
      <c r="X262" s="11"/>
      <c r="Y262" s="11"/>
      <c r="Z262" s="11"/>
      <c r="AA262" s="11"/>
      <c r="AB262" s="11"/>
      <c r="AC262" s="11"/>
      <c r="AD262" s="11"/>
      <c r="AE262" s="11"/>
      <c r="AF262" s="11"/>
      <c r="AG262" s="11"/>
      <c r="AH262" s="11"/>
      <c r="AI262" s="11"/>
      <c r="AJ262" s="11"/>
      <c r="AK262" s="11"/>
      <c r="AL262" s="11"/>
      <c r="AM262" s="11"/>
      <c r="AN262" s="83"/>
      <c r="AO262" s="83"/>
      <c r="AP262" s="83"/>
      <c r="AQ262" s="83"/>
      <c r="AR262" s="83"/>
      <c r="AS262" s="83"/>
      <c r="AT262" s="83"/>
      <c r="AU262" s="83"/>
      <c r="AV262" s="11"/>
      <c r="AW262" s="11"/>
      <c r="AX262" s="11"/>
      <c r="AY262" s="11"/>
      <c r="AZ262" s="11"/>
      <c r="BA262" s="11"/>
      <c r="BB262" s="11"/>
      <c r="BC262" s="11"/>
      <c r="BD262" s="11"/>
      <c r="BE262" s="11"/>
      <c r="BF262" s="11"/>
      <c r="BG262" s="11"/>
      <c r="BH262" s="11"/>
      <c r="BI262" s="11"/>
      <c r="BJ262" s="11"/>
      <c r="BK262" s="11"/>
      <c r="BL262" s="11"/>
      <c r="BM262" s="83"/>
      <c r="BN262" s="83"/>
    </row>
    <row r="263" spans="1:66" x14ac:dyDescent="0.3">
      <c r="B263" s="78"/>
      <c r="C263" s="78"/>
      <c r="H263" s="78"/>
      <c r="I263" s="81"/>
      <c r="J263" s="81"/>
    </row>
    <row r="264" spans="1:66" x14ac:dyDescent="0.3">
      <c r="B264" s="78"/>
      <c r="C264" s="78"/>
      <c r="H264" s="78"/>
      <c r="I264" s="81"/>
      <c r="J264" s="81"/>
      <c r="L264" s="11"/>
      <c r="M264" s="11"/>
      <c r="N264" s="11"/>
      <c r="O264" s="11"/>
      <c r="P264" s="11"/>
      <c r="Q264" s="11"/>
      <c r="R264" s="11"/>
      <c r="S264" s="11"/>
      <c r="T264" s="11"/>
      <c r="U264" s="11"/>
      <c r="V264" s="11"/>
      <c r="W264" s="11"/>
      <c r="X264" s="11"/>
      <c r="Y264" s="11"/>
      <c r="Z264" s="11"/>
      <c r="AA264" s="11"/>
      <c r="AB264" s="11"/>
      <c r="AC264" s="11"/>
      <c r="AD264" s="11"/>
      <c r="AE264" s="11"/>
      <c r="AF264" s="11"/>
      <c r="AG264" s="11"/>
      <c r="AH264" s="11"/>
      <c r="AI264" s="11"/>
      <c r="AJ264" s="11"/>
      <c r="AK264" s="11"/>
      <c r="AL264" s="11"/>
      <c r="AM264" s="11"/>
      <c r="AN264" s="83"/>
      <c r="AO264" s="83"/>
      <c r="AP264" s="83"/>
      <c r="AQ264" s="83"/>
      <c r="AR264" s="83"/>
      <c r="AS264" s="83"/>
      <c r="AT264" s="83"/>
      <c r="AU264" s="83"/>
      <c r="AV264" s="11"/>
      <c r="AW264" s="11"/>
      <c r="AX264" s="11"/>
      <c r="AY264" s="11"/>
      <c r="AZ264" s="11"/>
      <c r="BA264" s="11"/>
      <c r="BB264" s="11"/>
      <c r="BC264" s="11"/>
      <c r="BD264" s="11"/>
      <c r="BE264" s="11"/>
      <c r="BF264" s="11"/>
      <c r="BG264" s="11"/>
      <c r="BH264" s="11"/>
      <c r="BI264" s="11"/>
      <c r="BJ264" s="11"/>
      <c r="BK264" s="11"/>
      <c r="BL264" s="11"/>
      <c r="BM264" s="83"/>
      <c r="BN264" s="83"/>
    </row>
    <row r="265" spans="1:66" x14ac:dyDescent="0.3">
      <c r="B265" s="78"/>
      <c r="C265" s="78"/>
      <c r="H265" s="78"/>
      <c r="I265" s="81"/>
      <c r="J265" s="81"/>
      <c r="L265" s="11"/>
      <c r="M265" s="11"/>
      <c r="N265" s="11"/>
      <c r="O265" s="11"/>
      <c r="P265" s="11"/>
      <c r="Q265" s="11"/>
      <c r="R265" s="11"/>
      <c r="S265" s="11"/>
      <c r="T265" s="11"/>
      <c r="U265" s="11"/>
      <c r="V265" s="11"/>
      <c r="W265" s="11"/>
      <c r="X265" s="11"/>
      <c r="Y265" s="11"/>
      <c r="Z265" s="11"/>
      <c r="AA265" s="11"/>
      <c r="AB265" s="11"/>
      <c r="AC265" s="11"/>
      <c r="AD265" s="11"/>
      <c r="AE265" s="11"/>
      <c r="AF265" s="11"/>
      <c r="AG265" s="11"/>
      <c r="AH265" s="11"/>
      <c r="AI265" s="11"/>
      <c r="AJ265" s="11"/>
      <c r="AK265" s="11"/>
      <c r="AL265" s="11"/>
      <c r="AM265" s="11"/>
      <c r="AN265" s="83"/>
      <c r="AO265" s="83"/>
      <c r="AP265" s="83"/>
      <c r="AQ265" s="83"/>
      <c r="AR265" s="83"/>
      <c r="AS265" s="83"/>
      <c r="AT265" s="83"/>
      <c r="AU265" s="83"/>
      <c r="AV265" s="11"/>
      <c r="AW265" s="11"/>
      <c r="AX265" s="11"/>
      <c r="AY265" s="11"/>
      <c r="AZ265" s="11"/>
      <c r="BA265" s="11"/>
      <c r="BB265" s="11"/>
      <c r="BC265" s="11"/>
      <c r="BD265" s="11"/>
      <c r="BE265" s="11"/>
      <c r="BF265" s="11"/>
      <c r="BG265" s="11"/>
      <c r="BH265" s="11"/>
      <c r="BI265" s="11"/>
      <c r="BJ265" s="11"/>
      <c r="BK265" s="11"/>
      <c r="BL265" s="11"/>
      <c r="BM265" s="83"/>
      <c r="BN265" s="83"/>
    </row>
    <row r="266" spans="1:66" x14ac:dyDescent="0.3">
      <c r="B266" s="78"/>
      <c r="C266" s="93"/>
      <c r="H266" s="78"/>
      <c r="I266" s="81"/>
      <c r="J266" s="81"/>
      <c r="L266" s="11"/>
      <c r="M266" s="11"/>
      <c r="N266" s="11"/>
      <c r="O266" s="11"/>
      <c r="P266" s="11"/>
      <c r="Q266" s="11"/>
      <c r="R266" s="11"/>
      <c r="S266" s="11"/>
      <c r="T266" s="11"/>
      <c r="U266" s="11"/>
      <c r="V266" s="11"/>
      <c r="W266" s="11"/>
      <c r="X266" s="11"/>
      <c r="Y266" s="11"/>
      <c r="Z266" s="11"/>
      <c r="AA266" s="11"/>
      <c r="AB266" s="11"/>
      <c r="AC266" s="11"/>
      <c r="AD266" s="11"/>
      <c r="AE266" s="11"/>
      <c r="AF266" s="11"/>
      <c r="AG266" s="11"/>
      <c r="AH266" s="11"/>
      <c r="AI266" s="11"/>
      <c r="AJ266" s="11"/>
      <c r="AK266" s="11"/>
      <c r="AL266" s="11"/>
      <c r="AM266" s="11"/>
      <c r="AN266" s="83"/>
      <c r="AO266" s="83"/>
      <c r="AP266" s="83"/>
      <c r="AQ266" s="83"/>
      <c r="AR266" s="83"/>
      <c r="AS266" s="83"/>
      <c r="AT266" s="83"/>
      <c r="AU266" s="83"/>
      <c r="AV266" s="11"/>
      <c r="AW266" s="11"/>
      <c r="AX266" s="11"/>
      <c r="AY266" s="11"/>
      <c r="AZ266" s="11"/>
      <c r="BA266" s="11"/>
      <c r="BB266" s="11"/>
      <c r="BC266" s="11"/>
      <c r="BD266" s="11"/>
      <c r="BE266" s="11"/>
      <c r="BF266" s="11"/>
      <c r="BG266" s="11"/>
      <c r="BH266" s="11"/>
      <c r="BI266" s="11"/>
      <c r="BJ266" s="11"/>
      <c r="BK266" s="11"/>
      <c r="BL266" s="11"/>
      <c r="BM266" s="83"/>
      <c r="BN266" s="83"/>
    </row>
    <row r="267" spans="1:66" x14ac:dyDescent="0.3">
      <c r="B267" s="93"/>
      <c r="H267" s="93"/>
      <c r="I267" s="94"/>
      <c r="J267" s="94"/>
      <c r="L267" s="11"/>
      <c r="M267" s="11"/>
      <c r="N267" s="11"/>
      <c r="O267" s="11"/>
      <c r="P267" s="11"/>
      <c r="Q267" s="11"/>
      <c r="R267" s="11"/>
      <c r="S267" s="11"/>
      <c r="T267" s="11"/>
      <c r="U267" s="11"/>
      <c r="V267" s="11"/>
      <c r="W267" s="11"/>
      <c r="X267" s="11"/>
      <c r="Y267" s="11"/>
      <c r="Z267" s="11"/>
      <c r="AA267" s="11"/>
      <c r="AB267" s="11"/>
      <c r="AC267" s="11"/>
      <c r="AD267" s="11"/>
      <c r="AE267" s="11"/>
      <c r="AF267" s="11"/>
      <c r="AG267" s="11"/>
      <c r="AH267" s="11"/>
      <c r="AI267" s="11"/>
      <c r="AJ267" s="11"/>
      <c r="AK267" s="11"/>
      <c r="AL267" s="11"/>
      <c r="AM267" s="11"/>
      <c r="AN267" s="83"/>
      <c r="AO267" s="83"/>
      <c r="AP267" s="83"/>
      <c r="AQ267" s="83"/>
      <c r="AR267" s="83"/>
      <c r="AS267" s="83"/>
      <c r="AT267" s="83"/>
      <c r="AU267" s="83"/>
      <c r="AV267" s="11"/>
      <c r="AW267" s="11"/>
      <c r="AX267" s="11"/>
      <c r="AY267" s="11"/>
      <c r="AZ267" s="11"/>
      <c r="BA267" s="11"/>
      <c r="BB267" s="11"/>
      <c r="BC267" s="11"/>
      <c r="BD267" s="11"/>
      <c r="BE267" s="11"/>
      <c r="BF267" s="11"/>
      <c r="BG267" s="11"/>
      <c r="BH267" s="11"/>
      <c r="BI267" s="11"/>
      <c r="BJ267" s="11"/>
      <c r="BK267" s="11"/>
      <c r="BL267" s="11"/>
      <c r="BM267" s="83"/>
      <c r="BN267" s="83"/>
    </row>
    <row r="268" spans="1:66" x14ac:dyDescent="0.3">
      <c r="L268" s="11"/>
      <c r="M268" s="11"/>
      <c r="N268" s="11"/>
      <c r="O268" s="11"/>
      <c r="P268" s="11"/>
      <c r="Q268" s="11"/>
      <c r="R268" s="11"/>
      <c r="S268" s="11"/>
      <c r="T268" s="11"/>
      <c r="U268" s="11"/>
      <c r="V268" s="11"/>
      <c r="W268" s="11"/>
      <c r="X268" s="11"/>
      <c r="Y268" s="11"/>
      <c r="Z268" s="11"/>
      <c r="AA268" s="11"/>
      <c r="AB268" s="11"/>
      <c r="AC268" s="11"/>
      <c r="AD268" s="11"/>
      <c r="AE268" s="11"/>
      <c r="AF268" s="11"/>
      <c r="AG268" s="11"/>
      <c r="AH268" s="11"/>
      <c r="AI268" s="11"/>
      <c r="AJ268" s="11"/>
      <c r="AK268" s="11"/>
      <c r="AL268" s="11"/>
      <c r="AM268" s="11"/>
      <c r="AN268" s="83"/>
      <c r="AO268" s="83"/>
      <c r="AP268" s="83"/>
      <c r="AQ268" s="83"/>
      <c r="AR268" s="83"/>
      <c r="AS268" s="83"/>
      <c r="AT268" s="83"/>
      <c r="AU268" s="83"/>
      <c r="AV268" s="11"/>
      <c r="AW268" s="11"/>
      <c r="AX268" s="11"/>
      <c r="AY268" s="11"/>
      <c r="AZ268" s="11"/>
      <c r="BA268" s="11"/>
      <c r="BB268" s="11"/>
      <c r="BC268" s="11"/>
      <c r="BD268" s="11"/>
      <c r="BE268" s="11"/>
      <c r="BF268" s="11"/>
      <c r="BG268" s="11"/>
      <c r="BH268" s="11"/>
      <c r="BI268" s="11"/>
      <c r="BJ268" s="11"/>
      <c r="BK268" s="11"/>
      <c r="BL268" s="11"/>
      <c r="BM268" s="83"/>
      <c r="BN268" s="83"/>
    </row>
    <row r="269" spans="1:66" x14ac:dyDescent="0.3">
      <c r="L269" s="11"/>
      <c r="M269" s="11"/>
      <c r="N269" s="11"/>
      <c r="O269" s="11"/>
      <c r="P269" s="11"/>
      <c r="Q269" s="11"/>
      <c r="R269" s="11"/>
      <c r="S269" s="11"/>
      <c r="T269" s="11"/>
      <c r="U269" s="11"/>
      <c r="V269" s="11"/>
      <c r="W269" s="11"/>
      <c r="X269" s="11"/>
      <c r="Y269" s="11"/>
      <c r="Z269" s="11"/>
      <c r="AA269" s="11"/>
      <c r="AB269" s="11"/>
      <c r="AC269" s="11"/>
      <c r="AD269" s="11"/>
      <c r="AE269" s="11"/>
      <c r="AF269" s="11"/>
      <c r="AG269" s="11"/>
      <c r="AH269" s="11"/>
      <c r="AI269" s="11"/>
      <c r="AJ269" s="11"/>
      <c r="AK269" s="11"/>
      <c r="AL269" s="11"/>
      <c r="AM269" s="11"/>
      <c r="AN269" s="83"/>
      <c r="AO269" s="83"/>
      <c r="AP269" s="83"/>
      <c r="AQ269" s="83"/>
      <c r="AR269" s="83"/>
      <c r="AS269" s="83"/>
      <c r="AT269" s="83"/>
      <c r="AU269" s="83"/>
      <c r="AV269" s="11"/>
      <c r="AW269" s="11"/>
      <c r="AX269" s="11"/>
      <c r="AY269" s="11"/>
      <c r="AZ269" s="11"/>
      <c r="BA269" s="11"/>
      <c r="BB269" s="11"/>
      <c r="BC269" s="11"/>
      <c r="BD269" s="11"/>
      <c r="BE269" s="11"/>
      <c r="BF269" s="11"/>
      <c r="BG269" s="11"/>
      <c r="BH269" s="11"/>
      <c r="BI269" s="11"/>
      <c r="BJ269" s="11"/>
      <c r="BK269" s="11"/>
      <c r="BL269" s="11"/>
      <c r="BM269" s="83"/>
      <c r="BN269" s="83"/>
    </row>
    <row r="270" spans="1:66" x14ac:dyDescent="0.3">
      <c r="L270" s="11"/>
      <c r="M270" s="11"/>
      <c r="N270" s="11"/>
      <c r="O270" s="11"/>
      <c r="P270" s="11"/>
      <c r="Q270" s="11"/>
      <c r="R270" s="11"/>
      <c r="S270" s="11"/>
      <c r="T270" s="11"/>
      <c r="U270" s="11"/>
      <c r="V270" s="11"/>
      <c r="W270" s="11"/>
      <c r="X270" s="11"/>
      <c r="Y270" s="11"/>
      <c r="Z270" s="11"/>
      <c r="AA270" s="11"/>
      <c r="AB270" s="11"/>
      <c r="AC270" s="11"/>
      <c r="AD270" s="11"/>
      <c r="AE270" s="11"/>
      <c r="AF270" s="11"/>
      <c r="AG270" s="11"/>
      <c r="AH270" s="11"/>
      <c r="AI270" s="11"/>
      <c r="AJ270" s="11"/>
      <c r="AK270" s="11"/>
      <c r="AL270" s="11"/>
      <c r="AM270" s="11"/>
      <c r="AN270" s="83"/>
      <c r="AO270" s="83"/>
      <c r="AP270" s="83"/>
      <c r="AQ270" s="83"/>
      <c r="AR270" s="83"/>
      <c r="AS270" s="83"/>
      <c r="AT270" s="83"/>
      <c r="AU270" s="83"/>
      <c r="AV270" s="11"/>
      <c r="AW270" s="11"/>
      <c r="AX270" s="11"/>
      <c r="AY270" s="11"/>
      <c r="AZ270" s="11"/>
      <c r="BA270" s="11"/>
      <c r="BB270" s="11"/>
      <c r="BC270" s="11"/>
      <c r="BD270" s="11"/>
      <c r="BE270" s="11"/>
      <c r="BF270" s="11"/>
      <c r="BG270" s="11"/>
      <c r="BH270" s="11"/>
      <c r="BI270" s="11"/>
      <c r="BJ270" s="11"/>
      <c r="BK270" s="11"/>
      <c r="BL270" s="11"/>
      <c r="BM270" s="83"/>
      <c r="BN270" s="83"/>
    </row>
    <row r="271" spans="1:66" x14ac:dyDescent="0.3">
      <c r="L271" s="11"/>
      <c r="M271" s="11"/>
      <c r="N271" s="11"/>
      <c r="O271" s="11"/>
      <c r="P271" s="11"/>
      <c r="Q271" s="11"/>
      <c r="R271" s="11"/>
      <c r="S271" s="11"/>
      <c r="T271" s="11"/>
      <c r="U271" s="11"/>
      <c r="V271" s="11"/>
      <c r="W271" s="11"/>
      <c r="X271" s="11"/>
      <c r="Y271" s="11"/>
      <c r="Z271" s="11"/>
      <c r="AA271" s="11"/>
      <c r="AB271" s="11"/>
      <c r="AC271" s="11"/>
      <c r="AD271" s="11"/>
      <c r="AE271" s="11"/>
      <c r="AF271" s="11"/>
      <c r="AG271" s="11"/>
      <c r="AH271" s="11"/>
      <c r="AI271" s="11"/>
      <c r="AJ271" s="11"/>
      <c r="AK271" s="11"/>
      <c r="AL271" s="11"/>
      <c r="AM271" s="11"/>
      <c r="AN271" s="83"/>
      <c r="AO271" s="83"/>
      <c r="AP271" s="83"/>
      <c r="AQ271" s="83"/>
      <c r="AR271" s="83"/>
      <c r="AS271" s="83"/>
      <c r="AT271" s="83"/>
      <c r="AU271" s="83"/>
      <c r="AV271" s="11"/>
      <c r="AW271" s="11"/>
      <c r="AX271" s="11"/>
      <c r="AY271" s="11"/>
      <c r="AZ271" s="11"/>
      <c r="BA271" s="11"/>
      <c r="BB271" s="11"/>
      <c r="BC271" s="11"/>
      <c r="BD271" s="11"/>
      <c r="BE271" s="11"/>
      <c r="BF271" s="11"/>
      <c r="BG271" s="11"/>
      <c r="BH271" s="11"/>
      <c r="BI271" s="11"/>
      <c r="BJ271" s="11"/>
      <c r="BK271" s="11"/>
      <c r="BL271" s="11"/>
      <c r="BM271" s="83"/>
      <c r="BN271" s="83"/>
    </row>
    <row r="272" spans="1:66" x14ac:dyDescent="0.3">
      <c r="L272" s="11"/>
      <c r="M272" s="11"/>
      <c r="N272" s="11"/>
      <c r="O272" s="11"/>
      <c r="P272" s="11"/>
      <c r="Q272" s="11"/>
      <c r="R272" s="11"/>
      <c r="S272" s="11"/>
      <c r="T272" s="11"/>
      <c r="U272" s="11"/>
      <c r="V272" s="11"/>
      <c r="W272" s="11"/>
      <c r="X272" s="11"/>
      <c r="Y272" s="11"/>
      <c r="Z272" s="11"/>
      <c r="AA272" s="11"/>
      <c r="AB272" s="11"/>
      <c r="AC272" s="11"/>
      <c r="AD272" s="11"/>
      <c r="AE272" s="11"/>
      <c r="AF272" s="11"/>
      <c r="AG272" s="11"/>
      <c r="AH272" s="11"/>
      <c r="AI272" s="11"/>
      <c r="AJ272" s="11"/>
      <c r="AK272" s="11"/>
      <c r="AL272" s="11"/>
      <c r="AM272" s="11"/>
      <c r="AN272" s="83"/>
      <c r="AO272" s="83"/>
      <c r="AP272" s="83"/>
      <c r="AQ272" s="83"/>
      <c r="AR272" s="83"/>
      <c r="AS272" s="83"/>
      <c r="AT272" s="83"/>
      <c r="AU272" s="83"/>
      <c r="AV272" s="11"/>
      <c r="AW272" s="11"/>
      <c r="AX272" s="11"/>
      <c r="AY272" s="11"/>
      <c r="AZ272" s="11"/>
      <c r="BA272" s="11"/>
      <c r="BB272" s="11"/>
      <c r="BC272" s="11"/>
      <c r="BD272" s="11"/>
      <c r="BE272" s="11"/>
      <c r="BF272" s="11"/>
      <c r="BG272" s="11"/>
      <c r="BH272" s="11"/>
      <c r="BI272" s="11"/>
      <c r="BJ272" s="11"/>
      <c r="BK272" s="11"/>
      <c r="BL272" s="11"/>
      <c r="BM272" s="83"/>
      <c r="BN272" s="83"/>
    </row>
    <row r="273" spans="12:66" x14ac:dyDescent="0.3">
      <c r="L273" s="11"/>
      <c r="M273" s="11"/>
      <c r="N273" s="11"/>
      <c r="O273" s="11"/>
      <c r="P273" s="11"/>
      <c r="Q273" s="11"/>
      <c r="R273" s="11"/>
      <c r="S273" s="11"/>
      <c r="T273" s="11"/>
      <c r="U273" s="11"/>
      <c r="V273" s="11"/>
      <c r="W273" s="11"/>
      <c r="X273" s="11"/>
      <c r="Y273" s="11"/>
      <c r="Z273" s="11"/>
      <c r="AA273" s="11"/>
      <c r="AB273" s="11"/>
      <c r="AC273" s="11"/>
      <c r="AD273" s="11"/>
      <c r="AE273" s="11"/>
      <c r="AF273" s="11"/>
      <c r="AG273" s="11"/>
      <c r="AH273" s="11"/>
      <c r="AI273" s="11"/>
      <c r="AJ273" s="11"/>
      <c r="AK273" s="11"/>
      <c r="AL273" s="11"/>
      <c r="AM273" s="11"/>
      <c r="AN273" s="83"/>
      <c r="AO273" s="83"/>
      <c r="AP273" s="83"/>
      <c r="AQ273" s="83"/>
      <c r="AR273" s="83"/>
      <c r="AS273" s="83"/>
      <c r="AT273" s="83"/>
      <c r="AU273" s="83"/>
      <c r="AV273" s="11"/>
      <c r="AW273" s="11"/>
      <c r="AX273" s="11"/>
      <c r="AY273" s="11"/>
      <c r="AZ273" s="11"/>
      <c r="BA273" s="11"/>
      <c r="BB273" s="11"/>
      <c r="BC273" s="11"/>
      <c r="BD273" s="11"/>
      <c r="BE273" s="11"/>
      <c r="BF273" s="11"/>
      <c r="BG273" s="11"/>
      <c r="BH273" s="11"/>
      <c r="BI273" s="11"/>
      <c r="BJ273" s="11"/>
      <c r="BK273" s="11"/>
      <c r="BL273" s="11"/>
      <c r="BM273" s="83"/>
      <c r="BN273" s="83"/>
    </row>
    <row r="274" spans="12:66" x14ac:dyDescent="0.3">
      <c r="L274" s="11"/>
      <c r="M274" s="11"/>
      <c r="N274" s="11"/>
      <c r="O274" s="11"/>
      <c r="P274" s="11"/>
      <c r="Q274" s="11"/>
      <c r="R274" s="11"/>
      <c r="S274" s="11"/>
      <c r="T274" s="11"/>
      <c r="U274" s="11"/>
      <c r="V274" s="11"/>
      <c r="W274" s="11"/>
      <c r="X274" s="11"/>
      <c r="Y274" s="11"/>
      <c r="Z274" s="11"/>
      <c r="AA274" s="11"/>
      <c r="AB274" s="11"/>
      <c r="AC274" s="11"/>
      <c r="AD274" s="11"/>
      <c r="AE274" s="11"/>
      <c r="AF274" s="11"/>
      <c r="AG274" s="11"/>
      <c r="AH274" s="11"/>
      <c r="AI274" s="11"/>
      <c r="AJ274" s="11"/>
      <c r="AK274" s="11"/>
      <c r="AL274" s="11"/>
      <c r="AM274" s="11"/>
      <c r="AN274" s="83"/>
      <c r="AO274" s="83"/>
      <c r="AP274" s="83"/>
      <c r="AQ274" s="83"/>
      <c r="AR274" s="83"/>
      <c r="AS274" s="83"/>
      <c r="AT274" s="83"/>
      <c r="AU274" s="83"/>
      <c r="AV274" s="11"/>
      <c r="AW274" s="11"/>
      <c r="AX274" s="11"/>
      <c r="AY274" s="11"/>
      <c r="AZ274" s="11"/>
      <c r="BA274" s="11"/>
      <c r="BB274" s="11"/>
      <c r="BC274" s="11"/>
      <c r="BD274" s="11"/>
      <c r="BE274" s="11"/>
      <c r="BF274" s="11"/>
      <c r="BG274" s="11"/>
      <c r="BH274" s="11"/>
      <c r="BI274" s="11"/>
      <c r="BJ274" s="11"/>
      <c r="BK274" s="11"/>
      <c r="BL274" s="11"/>
      <c r="BM274" s="83"/>
      <c r="BN274" s="83"/>
    </row>
    <row r="275" spans="12:66" x14ac:dyDescent="0.3">
      <c r="L275" s="11"/>
      <c r="M275" s="11"/>
      <c r="N275" s="11"/>
      <c r="O275" s="11"/>
      <c r="P275" s="11"/>
      <c r="Q275" s="11"/>
      <c r="R275" s="11"/>
      <c r="S275" s="11"/>
      <c r="T275" s="11"/>
      <c r="U275" s="11"/>
      <c r="V275" s="11"/>
      <c r="W275" s="11"/>
      <c r="X275" s="11"/>
      <c r="Y275" s="11"/>
      <c r="Z275" s="11"/>
      <c r="AA275" s="11"/>
      <c r="AB275" s="11"/>
      <c r="AC275" s="11"/>
      <c r="AD275" s="11"/>
      <c r="AE275" s="11"/>
      <c r="AF275" s="11"/>
      <c r="AG275" s="11"/>
      <c r="AH275" s="11"/>
      <c r="AI275" s="11"/>
      <c r="AJ275" s="11"/>
      <c r="AK275" s="11"/>
      <c r="AL275" s="11"/>
      <c r="AM275" s="11"/>
      <c r="AN275" s="83"/>
      <c r="AO275" s="83"/>
      <c r="AP275" s="83"/>
      <c r="AQ275" s="83"/>
      <c r="AR275" s="83"/>
      <c r="AS275" s="83"/>
      <c r="AT275" s="83"/>
      <c r="AU275" s="83"/>
      <c r="AV275" s="11"/>
      <c r="AW275" s="11"/>
      <c r="AX275" s="11"/>
      <c r="AY275" s="11"/>
      <c r="AZ275" s="11"/>
      <c r="BA275" s="11"/>
      <c r="BB275" s="11"/>
      <c r="BC275" s="11"/>
      <c r="BD275" s="11"/>
      <c r="BE275" s="11"/>
      <c r="BF275" s="11"/>
      <c r="BG275" s="11"/>
      <c r="BH275" s="11"/>
      <c r="BI275" s="11"/>
      <c r="BJ275" s="11"/>
      <c r="BK275" s="11"/>
      <c r="BL275" s="11"/>
      <c r="BM275" s="83"/>
      <c r="BN275" s="83"/>
    </row>
    <row r="276" spans="12:66" x14ac:dyDescent="0.3">
      <c r="L276" s="11"/>
      <c r="M276" s="11"/>
      <c r="N276" s="11"/>
      <c r="O276" s="11"/>
      <c r="P276" s="11"/>
      <c r="Q276" s="11"/>
      <c r="R276" s="11"/>
      <c r="S276" s="11"/>
      <c r="T276" s="11"/>
      <c r="U276" s="11"/>
      <c r="V276" s="11"/>
      <c r="W276" s="11"/>
      <c r="X276" s="11"/>
      <c r="Y276" s="11"/>
      <c r="Z276" s="11"/>
      <c r="AA276" s="11"/>
      <c r="AB276" s="11"/>
      <c r="AC276" s="11"/>
      <c r="AD276" s="11"/>
      <c r="AE276" s="11"/>
      <c r="AF276" s="11"/>
      <c r="AG276" s="11"/>
      <c r="AH276" s="11"/>
      <c r="AI276" s="11"/>
      <c r="AJ276" s="11"/>
      <c r="AK276" s="11"/>
      <c r="AL276" s="11"/>
      <c r="AM276" s="11"/>
      <c r="AN276" s="83"/>
      <c r="AO276" s="83"/>
      <c r="AP276" s="83"/>
      <c r="AQ276" s="83"/>
      <c r="AR276" s="83"/>
      <c r="AS276" s="83"/>
      <c r="AT276" s="83"/>
      <c r="AU276" s="83"/>
      <c r="AV276" s="11"/>
      <c r="AW276" s="11"/>
      <c r="AX276" s="11"/>
      <c r="AY276" s="11"/>
      <c r="AZ276" s="11"/>
      <c r="BA276" s="11"/>
      <c r="BB276" s="11"/>
      <c r="BC276" s="11"/>
      <c r="BD276" s="11"/>
      <c r="BE276" s="11"/>
      <c r="BF276" s="11"/>
      <c r="BG276" s="11"/>
      <c r="BH276" s="11"/>
      <c r="BI276" s="11"/>
      <c r="BJ276" s="11"/>
      <c r="BK276" s="11"/>
      <c r="BL276" s="11"/>
      <c r="BM276" s="83"/>
      <c r="BN276" s="83"/>
    </row>
    <row r="277" spans="12:66" x14ac:dyDescent="0.3">
      <c r="L277" s="11"/>
      <c r="M277" s="11"/>
      <c r="N277" s="11"/>
      <c r="O277" s="11"/>
      <c r="P277" s="11"/>
      <c r="Q277" s="11"/>
      <c r="R277" s="11"/>
      <c r="S277" s="11"/>
      <c r="T277" s="11"/>
      <c r="U277" s="11"/>
      <c r="V277" s="11"/>
      <c r="W277" s="11"/>
      <c r="X277" s="11"/>
      <c r="Y277" s="11"/>
      <c r="Z277" s="11"/>
      <c r="AA277" s="11"/>
      <c r="AB277" s="11"/>
      <c r="AC277" s="11"/>
      <c r="AD277" s="11"/>
      <c r="AE277" s="11"/>
      <c r="AF277" s="11"/>
      <c r="AG277" s="11"/>
      <c r="AH277" s="11"/>
      <c r="AI277" s="11"/>
      <c r="AJ277" s="11"/>
      <c r="AK277" s="11"/>
      <c r="AL277" s="11"/>
      <c r="AM277" s="11"/>
      <c r="AN277" s="83"/>
      <c r="AO277" s="83"/>
      <c r="AP277" s="83"/>
      <c r="AQ277" s="83"/>
      <c r="AR277" s="83"/>
      <c r="AS277" s="83"/>
      <c r="AT277" s="83"/>
      <c r="AU277" s="83"/>
      <c r="AV277" s="11"/>
      <c r="AW277" s="11"/>
      <c r="AX277" s="11"/>
      <c r="AY277" s="11"/>
      <c r="AZ277" s="11"/>
      <c r="BA277" s="11"/>
      <c r="BB277" s="11"/>
      <c r="BC277" s="11"/>
      <c r="BD277" s="11"/>
      <c r="BE277" s="11"/>
      <c r="BF277" s="11"/>
      <c r="BG277" s="11"/>
      <c r="BH277" s="11"/>
      <c r="BI277" s="11"/>
      <c r="BJ277" s="11"/>
      <c r="BK277" s="11"/>
      <c r="BL277" s="11"/>
      <c r="BM277" s="83"/>
      <c r="BN277" s="83"/>
    </row>
    <row r="278" spans="12:66" x14ac:dyDescent="0.3">
      <c r="L278" s="11"/>
      <c r="M278" s="11"/>
      <c r="N278" s="11"/>
      <c r="O278" s="11"/>
      <c r="P278" s="11"/>
      <c r="Q278" s="11"/>
      <c r="R278" s="11"/>
      <c r="S278" s="11"/>
      <c r="T278" s="11"/>
      <c r="U278" s="11"/>
      <c r="V278" s="11"/>
      <c r="W278" s="11"/>
      <c r="X278" s="11"/>
      <c r="Y278" s="11"/>
      <c r="Z278" s="11"/>
      <c r="AA278" s="11"/>
      <c r="AB278" s="11"/>
      <c r="AC278" s="11"/>
      <c r="AD278" s="11"/>
      <c r="AE278" s="11"/>
      <c r="AF278" s="11"/>
      <c r="AG278" s="11"/>
      <c r="AH278" s="11"/>
      <c r="AI278" s="11"/>
      <c r="AJ278" s="11"/>
      <c r="AK278" s="11"/>
      <c r="AL278" s="11"/>
      <c r="AM278" s="11"/>
      <c r="AN278" s="83"/>
      <c r="AO278" s="83"/>
      <c r="AP278" s="83"/>
      <c r="AQ278" s="83"/>
      <c r="AR278" s="83"/>
      <c r="AS278" s="83"/>
      <c r="AT278" s="83"/>
      <c r="AU278" s="83"/>
      <c r="AV278" s="11"/>
      <c r="AW278" s="11"/>
      <c r="AX278" s="11"/>
      <c r="AY278" s="11"/>
      <c r="AZ278" s="11"/>
      <c r="BA278" s="11"/>
      <c r="BB278" s="11"/>
      <c r="BC278" s="11"/>
      <c r="BD278" s="11"/>
      <c r="BE278" s="11"/>
      <c r="BF278" s="11"/>
      <c r="BG278" s="11"/>
      <c r="BH278" s="11"/>
      <c r="BI278" s="11"/>
      <c r="BJ278" s="11"/>
      <c r="BK278" s="11"/>
      <c r="BL278" s="11"/>
      <c r="BM278" s="83"/>
      <c r="BN278" s="83"/>
    </row>
    <row r="279" spans="12:66" x14ac:dyDescent="0.3">
      <c r="L279" s="11"/>
      <c r="M279" s="11"/>
      <c r="N279" s="11"/>
      <c r="O279" s="11"/>
      <c r="P279" s="11"/>
      <c r="Q279" s="11"/>
      <c r="R279" s="11"/>
      <c r="S279" s="11"/>
      <c r="T279" s="11"/>
      <c r="U279" s="11"/>
      <c r="V279" s="11"/>
      <c r="W279" s="11"/>
      <c r="X279" s="11"/>
      <c r="Y279" s="11"/>
      <c r="Z279" s="11"/>
      <c r="AA279" s="11"/>
      <c r="AB279" s="11"/>
      <c r="AC279" s="11"/>
      <c r="AD279" s="11"/>
      <c r="AE279" s="11"/>
      <c r="AF279" s="11"/>
      <c r="AG279" s="11"/>
      <c r="AH279" s="11"/>
      <c r="AI279" s="11"/>
      <c r="AJ279" s="11"/>
      <c r="AK279" s="11"/>
      <c r="AL279" s="11"/>
      <c r="AM279" s="11"/>
      <c r="AN279" s="83"/>
      <c r="AO279" s="83"/>
      <c r="AP279" s="83"/>
      <c r="AQ279" s="83"/>
      <c r="AR279" s="83"/>
      <c r="AS279" s="83"/>
      <c r="AT279" s="83"/>
      <c r="AU279" s="83"/>
      <c r="AV279" s="11"/>
      <c r="AW279" s="11"/>
      <c r="AX279" s="11"/>
      <c r="AY279" s="11"/>
      <c r="AZ279" s="11"/>
      <c r="BA279" s="11"/>
      <c r="BB279" s="11"/>
      <c r="BC279" s="11"/>
      <c r="BD279" s="11"/>
      <c r="BE279" s="11"/>
      <c r="BF279" s="11"/>
      <c r="BG279" s="11"/>
      <c r="BH279" s="11"/>
      <c r="BI279" s="11"/>
      <c r="BJ279" s="11"/>
      <c r="BK279" s="11"/>
      <c r="BL279" s="11"/>
      <c r="BM279" s="83"/>
      <c r="BN279" s="83"/>
    </row>
    <row r="280" spans="12:66" x14ac:dyDescent="0.3">
      <c r="L280" s="11"/>
      <c r="M280" s="11"/>
      <c r="N280" s="11"/>
      <c r="O280" s="11"/>
      <c r="P280" s="11"/>
      <c r="Q280" s="11"/>
      <c r="R280" s="11"/>
      <c r="S280" s="11"/>
      <c r="T280" s="11"/>
      <c r="U280" s="11"/>
      <c r="V280" s="11"/>
      <c r="W280" s="11"/>
      <c r="X280" s="11"/>
      <c r="Y280" s="11"/>
      <c r="Z280" s="11"/>
      <c r="AA280" s="11"/>
      <c r="AB280" s="11"/>
      <c r="AC280" s="11"/>
      <c r="AD280" s="11"/>
      <c r="AE280" s="11"/>
      <c r="AF280" s="11"/>
      <c r="AG280" s="11"/>
      <c r="AH280" s="11"/>
      <c r="AI280" s="11"/>
      <c r="AJ280" s="11"/>
      <c r="AK280" s="11"/>
      <c r="AL280" s="11"/>
      <c r="AM280" s="11"/>
      <c r="AN280" s="83"/>
      <c r="AO280" s="83"/>
      <c r="AP280" s="83"/>
      <c r="AQ280" s="83"/>
      <c r="AR280" s="83"/>
      <c r="AS280" s="83"/>
      <c r="AT280" s="83"/>
      <c r="AU280" s="83"/>
      <c r="AV280" s="11"/>
      <c r="AW280" s="11"/>
      <c r="AX280" s="11"/>
      <c r="AY280" s="11"/>
      <c r="AZ280" s="11"/>
      <c r="BA280" s="11"/>
      <c r="BB280" s="11"/>
      <c r="BC280" s="11"/>
      <c r="BD280" s="11"/>
      <c r="BE280" s="11"/>
      <c r="BF280" s="11"/>
      <c r="BG280" s="11"/>
      <c r="BH280" s="11"/>
      <c r="BI280" s="11"/>
      <c r="BJ280" s="11"/>
      <c r="BK280" s="11"/>
      <c r="BL280" s="11"/>
      <c r="BM280" s="83"/>
      <c r="BN280" s="83"/>
    </row>
    <row r="281" spans="12:66" x14ac:dyDescent="0.3">
      <c r="L281" s="11"/>
      <c r="M281" s="11"/>
      <c r="N281" s="11"/>
      <c r="O281" s="11"/>
      <c r="P281" s="11"/>
      <c r="Q281" s="11"/>
      <c r="R281" s="11"/>
      <c r="S281" s="11"/>
      <c r="T281" s="11"/>
      <c r="U281" s="11"/>
      <c r="V281" s="11"/>
      <c r="W281" s="11"/>
      <c r="X281" s="11"/>
      <c r="Y281" s="11"/>
      <c r="Z281" s="11"/>
      <c r="AA281" s="11"/>
      <c r="AB281" s="11"/>
      <c r="AC281" s="11"/>
      <c r="AD281" s="11"/>
      <c r="AE281" s="11"/>
      <c r="AF281" s="11"/>
      <c r="AG281" s="11"/>
      <c r="AH281" s="11"/>
      <c r="AI281" s="11"/>
      <c r="AJ281" s="11"/>
      <c r="AK281" s="11"/>
      <c r="AL281" s="11"/>
      <c r="AM281" s="11"/>
      <c r="AN281" s="83"/>
      <c r="AO281" s="83"/>
      <c r="AP281" s="83"/>
      <c r="AQ281" s="83"/>
      <c r="AR281" s="83"/>
      <c r="AS281" s="83"/>
      <c r="AT281" s="83"/>
      <c r="AU281" s="83"/>
      <c r="AV281" s="11"/>
      <c r="AW281" s="11"/>
      <c r="AX281" s="11"/>
      <c r="AY281" s="11"/>
      <c r="AZ281" s="11"/>
      <c r="BA281" s="11"/>
      <c r="BB281" s="11"/>
      <c r="BC281" s="11"/>
      <c r="BD281" s="11"/>
      <c r="BE281" s="11"/>
      <c r="BF281" s="11"/>
      <c r="BG281" s="11"/>
      <c r="BH281" s="11"/>
      <c r="BI281" s="11"/>
      <c r="BJ281" s="11"/>
      <c r="BK281" s="11"/>
      <c r="BL281" s="11"/>
      <c r="BM281" s="83"/>
      <c r="BN281" s="83"/>
    </row>
    <row r="282" spans="12:66" x14ac:dyDescent="0.3">
      <c r="AM282" s="37"/>
      <c r="AN282" s="37"/>
      <c r="AO282" s="37"/>
      <c r="AP282" s="37"/>
      <c r="AQ282" s="37"/>
      <c r="AR282" s="37"/>
      <c r="AS282" s="37"/>
      <c r="AT282" s="37"/>
      <c r="AU282" s="37"/>
      <c r="BC282" s="37"/>
      <c r="BD282" s="37"/>
      <c r="BE282" s="37"/>
      <c r="BF282" s="37"/>
      <c r="BG282" s="37"/>
      <c r="BH282" s="37"/>
      <c r="BI282" s="37"/>
      <c r="BJ282" s="37"/>
      <c r="BM282" s="37"/>
      <c r="BN282" s="83"/>
    </row>
    <row r="283" spans="12:66" x14ac:dyDescent="0.3">
      <c r="AM283" s="37"/>
      <c r="AN283" s="37"/>
      <c r="AO283" s="37"/>
      <c r="AP283" s="37"/>
      <c r="AQ283" s="37"/>
      <c r="AR283" s="37"/>
      <c r="AS283" s="37"/>
      <c r="AT283" s="37"/>
      <c r="AU283" s="37"/>
      <c r="BC283" s="37"/>
      <c r="BD283" s="37"/>
      <c r="BE283" s="37"/>
      <c r="BF283" s="37"/>
      <c r="BG283" s="37"/>
      <c r="BH283" s="37"/>
      <c r="BI283" s="37"/>
      <c r="BJ283" s="37"/>
      <c r="BM283" s="37"/>
      <c r="BN283" s="83"/>
    </row>
    <row r="284" spans="12:66" x14ac:dyDescent="0.3">
      <c r="AM284" s="37"/>
      <c r="AN284" s="37"/>
      <c r="AO284" s="37"/>
      <c r="AP284" s="37"/>
      <c r="AQ284" s="37"/>
      <c r="AR284" s="37"/>
      <c r="AS284" s="37"/>
      <c r="AT284" s="37"/>
      <c r="AU284" s="37"/>
      <c r="BC284" s="37"/>
      <c r="BD284" s="37"/>
      <c r="BE284" s="37"/>
      <c r="BF284" s="37"/>
      <c r="BG284" s="37"/>
      <c r="BH284" s="37"/>
      <c r="BI284" s="37"/>
      <c r="BJ284" s="37"/>
      <c r="BM284" s="37"/>
      <c r="BN284" s="83"/>
    </row>
    <row r="285" spans="12:66" x14ac:dyDescent="0.3">
      <c r="AM285" s="37"/>
      <c r="AN285" s="37"/>
      <c r="AO285" s="37"/>
      <c r="AP285" s="37"/>
      <c r="AQ285" s="37"/>
      <c r="AR285" s="37"/>
      <c r="AS285" s="37"/>
      <c r="AT285" s="37"/>
      <c r="AU285" s="37"/>
      <c r="BC285" s="37"/>
      <c r="BD285" s="37"/>
      <c r="BE285" s="37"/>
      <c r="BF285" s="37"/>
      <c r="BG285" s="37"/>
      <c r="BH285" s="37"/>
      <c r="BI285" s="37"/>
      <c r="BJ285" s="37"/>
      <c r="BM285" s="37"/>
      <c r="BN285" s="83"/>
    </row>
    <row r="286" spans="12:66" x14ac:dyDescent="0.3">
      <c r="AM286" s="37"/>
      <c r="AN286" s="37"/>
      <c r="AO286" s="37"/>
      <c r="AP286" s="37"/>
      <c r="AQ286" s="37"/>
      <c r="AR286" s="37"/>
      <c r="AS286" s="37"/>
      <c r="AT286" s="37"/>
      <c r="AU286" s="37"/>
      <c r="BC286" s="37"/>
      <c r="BD286" s="37"/>
      <c r="BE286" s="37"/>
      <c r="BF286" s="37"/>
      <c r="BG286" s="37"/>
      <c r="BH286" s="37"/>
      <c r="BI286" s="37"/>
      <c r="BJ286" s="37"/>
      <c r="BM286" s="37"/>
      <c r="BN286" s="83"/>
    </row>
    <row r="287" spans="12:66" x14ac:dyDescent="0.3">
      <c r="AM287" s="37"/>
      <c r="AN287" s="37"/>
      <c r="AO287" s="37"/>
      <c r="AP287" s="37"/>
      <c r="AQ287" s="37"/>
      <c r="AR287" s="37"/>
      <c r="AS287" s="37"/>
      <c r="AT287" s="37"/>
      <c r="AU287" s="37"/>
      <c r="BC287" s="37"/>
      <c r="BD287" s="37"/>
      <c r="BE287" s="37"/>
      <c r="BF287" s="37"/>
      <c r="BG287" s="37"/>
      <c r="BH287" s="37"/>
      <c r="BI287" s="37"/>
      <c r="BJ287" s="37"/>
      <c r="BM287" s="37"/>
      <c r="BN287" s="83"/>
    </row>
    <row r="288" spans="12:66" x14ac:dyDescent="0.3">
      <c r="AM288" s="37"/>
      <c r="AN288" s="37"/>
      <c r="AO288" s="37"/>
      <c r="AP288" s="37"/>
      <c r="AQ288" s="37"/>
      <c r="AR288" s="37"/>
      <c r="AS288" s="37"/>
      <c r="AT288" s="37"/>
      <c r="AU288" s="37"/>
      <c r="BC288" s="37"/>
      <c r="BD288" s="37"/>
      <c r="BE288" s="37"/>
      <c r="BF288" s="37"/>
      <c r="BG288" s="37"/>
      <c r="BH288" s="37"/>
      <c r="BI288" s="37"/>
      <c r="BJ288" s="37"/>
      <c r="BM288" s="37"/>
      <c r="BN288" s="83"/>
    </row>
    <row r="289" spans="12:66" x14ac:dyDescent="0.3">
      <c r="L289" s="11"/>
      <c r="M289" s="11"/>
      <c r="N289" s="11"/>
      <c r="O289" s="11"/>
      <c r="P289" s="11"/>
      <c r="Q289" s="11"/>
      <c r="R289" s="11"/>
      <c r="S289" s="11"/>
      <c r="T289" s="11"/>
      <c r="U289" s="11"/>
      <c r="V289" s="11"/>
      <c r="W289" s="11"/>
      <c r="X289" s="11"/>
      <c r="Y289" s="11"/>
      <c r="Z289" s="11"/>
      <c r="AA289" s="11"/>
      <c r="AB289" s="11"/>
      <c r="AC289" s="11"/>
      <c r="AD289" s="11"/>
      <c r="AE289" s="11"/>
      <c r="AF289" s="11"/>
      <c r="AG289" s="11"/>
      <c r="AH289" s="11"/>
      <c r="AI289" s="11"/>
      <c r="AJ289" s="11"/>
      <c r="AK289" s="11"/>
      <c r="AL289" s="11"/>
      <c r="AM289" s="11"/>
      <c r="AN289" s="83"/>
      <c r="AO289" s="83"/>
      <c r="AP289" s="83"/>
      <c r="AQ289" s="83"/>
      <c r="AR289" s="83"/>
      <c r="AS289" s="83"/>
      <c r="AT289" s="83"/>
      <c r="AU289" s="83"/>
      <c r="AV289" s="11"/>
      <c r="AW289" s="11"/>
      <c r="AX289" s="11"/>
      <c r="AY289" s="11"/>
      <c r="AZ289" s="11"/>
      <c r="BA289" s="11"/>
      <c r="BB289" s="11"/>
      <c r="BC289" s="11"/>
      <c r="BD289" s="11"/>
      <c r="BE289" s="11"/>
      <c r="BF289" s="11"/>
      <c r="BG289" s="11"/>
      <c r="BH289" s="11"/>
      <c r="BI289" s="11"/>
      <c r="BJ289" s="11"/>
      <c r="BK289" s="11"/>
      <c r="BL289" s="11"/>
      <c r="BM289" s="83"/>
      <c r="BN289" s="83"/>
    </row>
    <row r="290" spans="12:66" x14ac:dyDescent="0.3">
      <c r="L290" s="11"/>
      <c r="M290" s="11"/>
      <c r="N290" s="11"/>
      <c r="O290" s="11"/>
      <c r="P290" s="11"/>
      <c r="Q290" s="11"/>
      <c r="R290" s="11"/>
      <c r="S290" s="11"/>
      <c r="T290" s="11"/>
      <c r="U290" s="11"/>
      <c r="V290" s="11"/>
      <c r="W290" s="11"/>
      <c r="X290" s="11"/>
      <c r="Y290" s="11"/>
      <c r="Z290" s="11"/>
      <c r="AA290" s="11"/>
      <c r="AB290" s="11"/>
      <c r="AC290" s="11"/>
      <c r="AD290" s="11"/>
      <c r="AE290" s="11"/>
      <c r="AF290" s="11"/>
      <c r="AG290" s="11"/>
      <c r="AH290" s="11"/>
      <c r="AI290" s="11"/>
      <c r="AJ290" s="11"/>
      <c r="AK290" s="11"/>
      <c r="AL290" s="11"/>
      <c r="AM290" s="11"/>
      <c r="AN290" s="83"/>
      <c r="AO290" s="83"/>
      <c r="AP290" s="83"/>
      <c r="AQ290" s="83"/>
      <c r="AR290" s="83"/>
      <c r="AS290" s="83"/>
      <c r="AT290" s="83"/>
      <c r="AU290" s="83"/>
      <c r="AV290" s="11"/>
      <c r="AW290" s="11"/>
      <c r="AX290" s="11"/>
      <c r="AY290" s="11"/>
      <c r="AZ290" s="11"/>
      <c r="BA290" s="11"/>
      <c r="BB290" s="11"/>
      <c r="BC290" s="11"/>
      <c r="BD290" s="11"/>
      <c r="BE290" s="11"/>
      <c r="BF290" s="11"/>
      <c r="BG290" s="11"/>
      <c r="BH290" s="11"/>
      <c r="BI290" s="11"/>
      <c r="BJ290" s="11"/>
      <c r="BK290" s="11"/>
      <c r="BL290" s="11"/>
      <c r="BM290" s="83"/>
      <c r="BN290" s="83"/>
    </row>
    <row r="291" spans="12:66" x14ac:dyDescent="0.3">
      <c r="L291" s="11"/>
      <c r="M291" s="11"/>
      <c r="N291" s="11"/>
      <c r="O291" s="11"/>
      <c r="P291" s="11"/>
      <c r="Q291" s="11"/>
      <c r="R291" s="11"/>
      <c r="S291" s="11"/>
      <c r="T291" s="11"/>
      <c r="U291" s="11"/>
      <c r="V291" s="11"/>
      <c r="W291" s="11"/>
      <c r="X291" s="11"/>
      <c r="Y291" s="11"/>
      <c r="Z291" s="11"/>
      <c r="AA291" s="11"/>
      <c r="AB291" s="11"/>
      <c r="AC291" s="11"/>
      <c r="AD291" s="11"/>
      <c r="AE291" s="11"/>
      <c r="AF291" s="11"/>
      <c r="AG291" s="11"/>
      <c r="AH291" s="11"/>
      <c r="AI291" s="11"/>
      <c r="AJ291" s="11"/>
      <c r="AK291" s="11"/>
      <c r="AL291" s="11"/>
      <c r="AM291" s="11"/>
      <c r="AN291" s="83"/>
      <c r="AO291" s="83"/>
      <c r="AP291" s="83"/>
      <c r="AQ291" s="83"/>
      <c r="AR291" s="83"/>
      <c r="AS291" s="83"/>
      <c r="AT291" s="83"/>
      <c r="AU291" s="83"/>
      <c r="AV291" s="11"/>
      <c r="AW291" s="11"/>
      <c r="AX291" s="11"/>
      <c r="AY291" s="11"/>
      <c r="AZ291" s="11"/>
      <c r="BA291" s="11"/>
      <c r="BB291" s="11"/>
      <c r="BC291" s="11"/>
      <c r="BD291" s="11"/>
      <c r="BE291" s="11"/>
      <c r="BF291" s="11"/>
      <c r="BG291" s="11"/>
      <c r="BH291" s="11"/>
      <c r="BI291" s="11"/>
      <c r="BJ291" s="11"/>
      <c r="BK291" s="11"/>
      <c r="BL291" s="11"/>
      <c r="BM291" s="83"/>
      <c r="BN291" s="83"/>
    </row>
    <row r="292" spans="12:66" x14ac:dyDescent="0.3">
      <c r="L292" s="11"/>
      <c r="M292" s="11"/>
      <c r="N292" s="11"/>
      <c r="O292" s="11"/>
      <c r="P292" s="11"/>
      <c r="Q292" s="11"/>
      <c r="R292" s="11"/>
      <c r="S292" s="11"/>
      <c r="T292" s="11"/>
      <c r="U292" s="11"/>
      <c r="V292" s="11"/>
      <c r="W292" s="11"/>
      <c r="X292" s="11"/>
      <c r="Y292" s="11"/>
      <c r="Z292" s="11"/>
      <c r="AA292" s="11"/>
      <c r="AB292" s="11"/>
      <c r="AC292" s="11"/>
      <c r="AD292" s="11"/>
      <c r="AE292" s="11"/>
      <c r="AF292" s="11"/>
      <c r="AG292" s="11"/>
      <c r="AH292" s="11"/>
      <c r="AI292" s="11"/>
      <c r="AJ292" s="11"/>
      <c r="AK292" s="11"/>
      <c r="AL292" s="11"/>
      <c r="AM292" s="11"/>
      <c r="AN292" s="83"/>
      <c r="AO292" s="83"/>
      <c r="AP292" s="83"/>
      <c r="AQ292" s="83"/>
      <c r="AR292" s="83"/>
      <c r="AS292" s="83"/>
      <c r="AT292" s="83"/>
      <c r="AU292" s="83"/>
      <c r="AV292" s="11"/>
      <c r="AW292" s="11"/>
      <c r="AX292" s="11"/>
      <c r="AY292" s="11"/>
      <c r="AZ292" s="11"/>
      <c r="BA292" s="11"/>
      <c r="BB292" s="11"/>
      <c r="BC292" s="11"/>
      <c r="BD292" s="11"/>
      <c r="BE292" s="11"/>
      <c r="BF292" s="11"/>
      <c r="BG292" s="11"/>
      <c r="BH292" s="11"/>
      <c r="BI292" s="11"/>
      <c r="BJ292" s="11"/>
      <c r="BK292" s="11"/>
      <c r="BL292" s="11"/>
      <c r="BM292" s="83"/>
      <c r="BN292" s="83"/>
    </row>
    <row r="293" spans="12:66" x14ac:dyDescent="0.3">
      <c r="L293" s="11"/>
      <c r="M293" s="11"/>
      <c r="N293" s="11"/>
      <c r="O293" s="11"/>
      <c r="P293" s="11"/>
      <c r="Q293" s="11"/>
      <c r="R293" s="11"/>
      <c r="S293" s="11"/>
      <c r="T293" s="11"/>
      <c r="U293" s="11"/>
      <c r="V293" s="11"/>
      <c r="W293" s="11"/>
      <c r="X293" s="11"/>
      <c r="Y293" s="11"/>
      <c r="Z293" s="11"/>
      <c r="AA293" s="11"/>
      <c r="AB293" s="11"/>
      <c r="AC293" s="11"/>
      <c r="AD293" s="11"/>
      <c r="AE293" s="11"/>
      <c r="AF293" s="11"/>
      <c r="AG293" s="11"/>
      <c r="AH293" s="11"/>
      <c r="AI293" s="11"/>
      <c r="AJ293" s="11"/>
      <c r="AK293" s="11"/>
      <c r="AL293" s="11"/>
      <c r="AM293" s="11"/>
      <c r="AN293" s="83"/>
      <c r="AO293" s="83"/>
      <c r="AP293" s="83"/>
      <c r="AQ293" s="83"/>
      <c r="AR293" s="83"/>
      <c r="AS293" s="83"/>
      <c r="AT293" s="83"/>
      <c r="AU293" s="83"/>
      <c r="AV293" s="11"/>
      <c r="AW293" s="11"/>
      <c r="AX293" s="11"/>
      <c r="AY293" s="11"/>
      <c r="AZ293" s="11"/>
      <c r="BA293" s="11"/>
      <c r="BB293" s="11"/>
      <c r="BC293" s="11"/>
      <c r="BD293" s="11"/>
      <c r="BE293" s="11"/>
      <c r="BF293" s="11"/>
      <c r="BG293" s="11"/>
      <c r="BH293" s="11"/>
      <c r="BI293" s="11"/>
      <c r="BJ293" s="11"/>
      <c r="BK293" s="11"/>
      <c r="BL293" s="11"/>
      <c r="BM293" s="83"/>
      <c r="BN293" s="83"/>
    </row>
    <row r="294" spans="12:66" x14ac:dyDescent="0.3">
      <c r="L294" s="11"/>
      <c r="M294" s="11"/>
      <c r="N294" s="11"/>
      <c r="O294" s="11"/>
      <c r="P294" s="11"/>
      <c r="Q294" s="11"/>
      <c r="R294" s="11"/>
      <c r="S294" s="11"/>
      <c r="T294" s="11"/>
      <c r="U294" s="11"/>
      <c r="V294" s="11"/>
      <c r="W294" s="11"/>
      <c r="X294" s="11"/>
      <c r="Y294" s="11"/>
      <c r="Z294" s="11"/>
      <c r="AA294" s="11"/>
      <c r="AB294" s="11"/>
      <c r="AC294" s="11"/>
      <c r="AD294" s="11"/>
      <c r="AE294" s="11"/>
      <c r="AF294" s="11"/>
      <c r="AG294" s="11"/>
      <c r="AH294" s="11"/>
      <c r="AI294" s="11"/>
      <c r="AJ294" s="11"/>
      <c r="AK294" s="11"/>
      <c r="AL294" s="11"/>
      <c r="AM294" s="11"/>
      <c r="AN294" s="83"/>
      <c r="AO294" s="83"/>
      <c r="AP294" s="83"/>
      <c r="AQ294" s="83"/>
      <c r="AR294" s="83"/>
      <c r="AS294" s="83"/>
      <c r="AT294" s="83"/>
      <c r="AU294" s="83"/>
      <c r="AV294" s="11"/>
      <c r="AW294" s="11"/>
      <c r="AX294" s="11"/>
      <c r="AY294" s="11"/>
      <c r="AZ294" s="11"/>
      <c r="BA294" s="11"/>
      <c r="BB294" s="11"/>
      <c r="BC294" s="11"/>
      <c r="BD294" s="11"/>
      <c r="BE294" s="11"/>
      <c r="BF294" s="11"/>
      <c r="BG294" s="11"/>
      <c r="BH294" s="11"/>
      <c r="BI294" s="11"/>
      <c r="BJ294" s="11"/>
      <c r="BK294" s="11"/>
      <c r="BL294" s="11"/>
      <c r="BM294" s="83"/>
      <c r="BN294" s="83"/>
    </row>
    <row r="295" spans="12:66" x14ac:dyDescent="0.3">
      <c r="L295" s="11"/>
      <c r="M295" s="11"/>
      <c r="N295" s="11"/>
      <c r="O295" s="11"/>
      <c r="P295" s="11"/>
      <c r="Q295" s="11"/>
      <c r="R295" s="11"/>
      <c r="S295" s="11"/>
      <c r="T295" s="11"/>
      <c r="U295" s="11"/>
      <c r="V295" s="11"/>
      <c r="W295" s="11"/>
      <c r="X295" s="11"/>
      <c r="Y295" s="11"/>
      <c r="Z295" s="11"/>
      <c r="AA295" s="11"/>
      <c r="AB295" s="11"/>
      <c r="AC295" s="11"/>
      <c r="AD295" s="11"/>
      <c r="AE295" s="11"/>
      <c r="AF295" s="11"/>
      <c r="AG295" s="11"/>
      <c r="AH295" s="11"/>
      <c r="AI295" s="11"/>
      <c r="AJ295" s="11"/>
      <c r="AK295" s="11"/>
      <c r="AL295" s="11"/>
      <c r="AM295" s="11"/>
      <c r="AN295" s="83"/>
      <c r="AO295" s="83"/>
      <c r="AP295" s="83"/>
      <c r="AQ295" s="83"/>
      <c r="AR295" s="83"/>
      <c r="AS295" s="83"/>
      <c r="AT295" s="83"/>
      <c r="AU295" s="83"/>
      <c r="AV295" s="11"/>
      <c r="AW295" s="11"/>
      <c r="AX295" s="11"/>
      <c r="AY295" s="11"/>
      <c r="AZ295" s="11"/>
      <c r="BA295" s="11"/>
      <c r="BB295" s="11"/>
      <c r="BC295" s="11"/>
      <c r="BD295" s="11"/>
      <c r="BE295" s="11"/>
      <c r="BF295" s="11"/>
      <c r="BG295" s="11"/>
      <c r="BH295" s="11"/>
      <c r="BI295" s="11"/>
      <c r="BJ295" s="11"/>
      <c r="BK295" s="11"/>
      <c r="BL295" s="11"/>
      <c r="BM295" s="83"/>
      <c r="BN295" s="83"/>
    </row>
    <row r="296" spans="12:66" x14ac:dyDescent="0.3">
      <c r="L296" s="11"/>
      <c r="M296" s="11"/>
      <c r="N296" s="11"/>
      <c r="O296" s="11"/>
      <c r="P296" s="11"/>
      <c r="Q296" s="11"/>
      <c r="R296" s="11"/>
      <c r="S296" s="11"/>
      <c r="T296" s="11"/>
      <c r="U296" s="11"/>
      <c r="V296" s="11"/>
      <c r="W296" s="11"/>
      <c r="X296" s="11"/>
      <c r="Y296" s="11"/>
      <c r="Z296" s="11"/>
      <c r="AA296" s="11"/>
      <c r="AB296" s="11"/>
      <c r="AC296" s="11"/>
      <c r="AD296" s="11"/>
      <c r="AE296" s="11"/>
      <c r="AF296" s="11"/>
      <c r="AG296" s="11"/>
      <c r="AH296" s="11"/>
      <c r="AI296" s="11"/>
      <c r="AJ296" s="11"/>
      <c r="AK296" s="11"/>
      <c r="AL296" s="11"/>
      <c r="AM296" s="11"/>
      <c r="AN296" s="83"/>
      <c r="AO296" s="83"/>
      <c r="AP296" s="83"/>
      <c r="AQ296" s="83"/>
      <c r="AR296" s="83"/>
      <c r="AS296" s="83"/>
      <c r="AT296" s="83"/>
      <c r="AU296" s="83"/>
      <c r="AV296" s="11"/>
      <c r="AW296" s="11"/>
      <c r="AX296" s="11"/>
      <c r="AY296" s="11"/>
      <c r="AZ296" s="11"/>
      <c r="BA296" s="11"/>
      <c r="BB296" s="11"/>
      <c r="BC296" s="11"/>
      <c r="BD296" s="11"/>
      <c r="BE296" s="11"/>
      <c r="BF296" s="11"/>
      <c r="BG296" s="11"/>
      <c r="BH296" s="11"/>
      <c r="BI296" s="11"/>
      <c r="BJ296" s="11"/>
      <c r="BK296" s="11"/>
      <c r="BL296" s="11"/>
      <c r="BM296" s="83"/>
      <c r="BN296" s="83"/>
    </row>
    <row r="297" spans="12:66" x14ac:dyDescent="0.3">
      <c r="L297" s="11"/>
      <c r="M297" s="11"/>
      <c r="N297" s="11"/>
      <c r="O297" s="11"/>
      <c r="P297" s="11"/>
      <c r="Q297" s="11"/>
      <c r="R297" s="11"/>
      <c r="S297" s="11"/>
      <c r="T297" s="11"/>
      <c r="U297" s="11"/>
      <c r="V297" s="11"/>
      <c r="W297" s="11"/>
      <c r="X297" s="11"/>
      <c r="Y297" s="11"/>
      <c r="Z297" s="11"/>
      <c r="AA297" s="11"/>
      <c r="AB297" s="11"/>
      <c r="AC297" s="11"/>
      <c r="AD297" s="11"/>
      <c r="AE297" s="11"/>
      <c r="AF297" s="11"/>
      <c r="AG297" s="11"/>
      <c r="AH297" s="11"/>
      <c r="AI297" s="11"/>
      <c r="AJ297" s="11"/>
      <c r="AK297" s="11"/>
      <c r="AL297" s="11"/>
      <c r="AM297" s="11"/>
      <c r="AN297" s="83"/>
      <c r="AO297" s="83"/>
      <c r="AP297" s="83"/>
      <c r="AQ297" s="83"/>
      <c r="AR297" s="83"/>
      <c r="AS297" s="83"/>
      <c r="AT297" s="83"/>
      <c r="AU297" s="83"/>
      <c r="AV297" s="11"/>
      <c r="AW297" s="11"/>
      <c r="AX297" s="11"/>
      <c r="AY297" s="11"/>
      <c r="AZ297" s="11"/>
      <c r="BA297" s="11"/>
      <c r="BB297" s="11"/>
      <c r="BC297" s="11"/>
      <c r="BD297" s="11"/>
      <c r="BE297" s="11"/>
      <c r="BF297" s="11"/>
      <c r="BG297" s="11"/>
      <c r="BH297" s="11"/>
      <c r="BI297" s="11"/>
      <c r="BJ297" s="11"/>
      <c r="BK297" s="11"/>
      <c r="BL297" s="11"/>
      <c r="BM297" s="83"/>
      <c r="BN297" s="83"/>
    </row>
    <row r="298" spans="12:66" x14ac:dyDescent="0.3">
      <c r="L298" s="11"/>
      <c r="M298" s="11"/>
      <c r="N298" s="11"/>
      <c r="O298" s="11"/>
      <c r="P298" s="11"/>
      <c r="Q298" s="11"/>
      <c r="R298" s="11"/>
      <c r="S298" s="11"/>
      <c r="T298" s="11"/>
      <c r="U298" s="11"/>
      <c r="V298" s="11"/>
      <c r="W298" s="11"/>
      <c r="X298" s="11"/>
      <c r="Y298" s="11"/>
      <c r="Z298" s="11"/>
      <c r="AA298" s="11"/>
      <c r="AB298" s="11"/>
      <c r="AC298" s="11"/>
      <c r="AD298" s="11"/>
      <c r="AE298" s="11"/>
      <c r="AF298" s="11"/>
      <c r="AG298" s="11"/>
      <c r="AH298" s="11"/>
      <c r="AI298" s="11"/>
      <c r="AJ298" s="11"/>
      <c r="AK298" s="11"/>
      <c r="AL298" s="11"/>
      <c r="AM298" s="11"/>
      <c r="AN298" s="83"/>
      <c r="AO298" s="83"/>
      <c r="AP298" s="83"/>
      <c r="AQ298" s="83"/>
      <c r="AR298" s="83"/>
      <c r="AS298" s="83"/>
      <c r="AT298" s="83"/>
      <c r="AU298" s="83"/>
      <c r="AV298" s="11"/>
      <c r="AW298" s="11"/>
      <c r="AX298" s="11"/>
      <c r="AY298" s="11"/>
      <c r="AZ298" s="11"/>
      <c r="BA298" s="11"/>
      <c r="BB298" s="11"/>
      <c r="BC298" s="11"/>
      <c r="BD298" s="11"/>
      <c r="BE298" s="11"/>
      <c r="BF298" s="11"/>
      <c r="BG298" s="11"/>
      <c r="BH298" s="11"/>
      <c r="BI298" s="11"/>
      <c r="BJ298" s="11"/>
      <c r="BK298" s="11"/>
      <c r="BL298" s="11"/>
      <c r="BM298" s="83"/>
      <c r="BN298" s="83"/>
    </row>
    <row r="299" spans="12:66" x14ac:dyDescent="0.3">
      <c r="L299" s="11"/>
      <c r="M299" s="11"/>
      <c r="N299" s="11"/>
      <c r="O299" s="11"/>
      <c r="P299" s="11"/>
      <c r="Q299" s="11"/>
      <c r="R299" s="11"/>
      <c r="S299" s="11"/>
      <c r="T299" s="11"/>
      <c r="U299" s="11"/>
      <c r="V299" s="11"/>
      <c r="W299" s="11"/>
      <c r="X299" s="11"/>
      <c r="Y299" s="11"/>
      <c r="Z299" s="11"/>
      <c r="AA299" s="11"/>
      <c r="AB299" s="11"/>
      <c r="AC299" s="11"/>
      <c r="AD299" s="11"/>
      <c r="AE299" s="11"/>
      <c r="AF299" s="11"/>
      <c r="AG299" s="11"/>
      <c r="AH299" s="11"/>
      <c r="AI299" s="11"/>
      <c r="AJ299" s="11"/>
      <c r="AK299" s="11"/>
      <c r="AL299" s="11"/>
      <c r="AM299" s="11"/>
      <c r="AN299" s="83"/>
      <c r="AO299" s="83"/>
      <c r="AP299" s="83"/>
      <c r="AQ299" s="83"/>
      <c r="AR299" s="83"/>
      <c r="AS299" s="83"/>
      <c r="AT299" s="83"/>
      <c r="AU299" s="83"/>
      <c r="AV299" s="11"/>
      <c r="AW299" s="11"/>
      <c r="AX299" s="11"/>
      <c r="AY299" s="11"/>
      <c r="AZ299" s="11"/>
      <c r="BA299" s="11"/>
      <c r="BB299" s="11"/>
      <c r="BC299" s="11"/>
      <c r="BD299" s="11"/>
      <c r="BE299" s="11"/>
      <c r="BF299" s="11"/>
      <c r="BG299" s="11"/>
      <c r="BH299" s="11"/>
      <c r="BI299" s="11"/>
      <c r="BJ299" s="11"/>
      <c r="BK299" s="11"/>
      <c r="BL299" s="11"/>
      <c r="BM299" s="83"/>
      <c r="BN299" s="83"/>
    </row>
    <row r="300" spans="12:66" x14ac:dyDescent="0.3">
      <c r="L300" s="11"/>
      <c r="M300" s="11"/>
      <c r="N300" s="11"/>
      <c r="O300" s="11"/>
      <c r="P300" s="11"/>
      <c r="Q300" s="11"/>
      <c r="R300" s="11"/>
      <c r="S300" s="11"/>
      <c r="T300" s="11"/>
      <c r="U300" s="11"/>
      <c r="V300" s="11"/>
      <c r="W300" s="11"/>
      <c r="X300" s="11"/>
      <c r="Y300" s="11"/>
      <c r="Z300" s="11"/>
      <c r="AA300" s="11"/>
      <c r="AB300" s="11"/>
      <c r="AC300" s="11"/>
      <c r="AD300" s="11"/>
      <c r="AE300" s="11"/>
      <c r="AF300" s="11"/>
      <c r="AG300" s="11"/>
      <c r="AH300" s="11"/>
      <c r="AI300" s="11"/>
      <c r="AJ300" s="11"/>
      <c r="AK300" s="11"/>
      <c r="AL300" s="11"/>
      <c r="AM300" s="11"/>
      <c r="AN300" s="83"/>
      <c r="AO300" s="83"/>
      <c r="AP300" s="83"/>
      <c r="AQ300" s="83"/>
      <c r="AR300" s="83"/>
      <c r="AS300" s="83"/>
      <c r="AT300" s="83"/>
      <c r="AU300" s="83"/>
      <c r="AV300" s="11"/>
      <c r="AW300" s="11"/>
      <c r="AX300" s="11"/>
      <c r="AY300" s="11"/>
      <c r="AZ300" s="11"/>
      <c r="BA300" s="11"/>
      <c r="BB300" s="11"/>
      <c r="BC300" s="11"/>
      <c r="BD300" s="11"/>
      <c r="BE300" s="11"/>
      <c r="BF300" s="11"/>
      <c r="BG300" s="11"/>
      <c r="BH300" s="11"/>
      <c r="BI300" s="11"/>
      <c r="BJ300" s="11"/>
      <c r="BK300" s="11"/>
      <c r="BL300" s="11"/>
      <c r="BM300" s="83"/>
      <c r="BN300" s="83"/>
    </row>
    <row r="301" spans="12:66" x14ac:dyDescent="0.3">
      <c r="L301" s="11"/>
      <c r="M301" s="11"/>
      <c r="N301" s="11"/>
      <c r="O301" s="11"/>
      <c r="P301" s="11"/>
      <c r="Q301" s="11"/>
      <c r="R301" s="11"/>
      <c r="S301" s="11"/>
      <c r="T301" s="11"/>
      <c r="U301" s="11"/>
      <c r="V301" s="11"/>
      <c r="W301" s="11"/>
      <c r="X301" s="11"/>
      <c r="Y301" s="11"/>
      <c r="Z301" s="11"/>
      <c r="AA301" s="11"/>
      <c r="AB301" s="11"/>
      <c r="AC301" s="11"/>
      <c r="AD301" s="11"/>
      <c r="AE301" s="11"/>
      <c r="AF301" s="11"/>
      <c r="AG301" s="11"/>
      <c r="AH301" s="11"/>
      <c r="AI301" s="11"/>
      <c r="AJ301" s="11"/>
      <c r="AK301" s="11"/>
      <c r="AL301" s="11"/>
      <c r="AM301" s="11"/>
      <c r="AN301" s="83"/>
      <c r="AO301" s="83"/>
      <c r="AP301" s="83"/>
      <c r="AQ301" s="83"/>
      <c r="AR301" s="83"/>
      <c r="AS301" s="83"/>
      <c r="AT301" s="83"/>
      <c r="AU301" s="83"/>
      <c r="AV301" s="11"/>
      <c r="AW301" s="11"/>
      <c r="AX301" s="11"/>
      <c r="AY301" s="11"/>
      <c r="AZ301" s="11"/>
      <c r="BA301" s="11"/>
      <c r="BB301" s="11"/>
      <c r="BC301" s="11"/>
      <c r="BD301" s="11"/>
      <c r="BE301" s="11"/>
      <c r="BF301" s="11"/>
      <c r="BG301" s="11"/>
      <c r="BH301" s="11"/>
      <c r="BI301" s="11"/>
      <c r="BJ301" s="11"/>
      <c r="BK301" s="11"/>
      <c r="BL301" s="11"/>
      <c r="BM301" s="83"/>
      <c r="BN301" s="83"/>
    </row>
    <row r="302" spans="12:66" x14ac:dyDescent="0.3">
      <c r="L302" s="11"/>
      <c r="M302" s="11"/>
      <c r="N302" s="11"/>
      <c r="O302" s="11"/>
      <c r="P302" s="11"/>
      <c r="Q302" s="11"/>
      <c r="R302" s="11"/>
      <c r="S302" s="11"/>
      <c r="T302" s="11"/>
      <c r="U302" s="11"/>
      <c r="V302" s="11"/>
      <c r="W302" s="11"/>
      <c r="X302" s="11"/>
      <c r="Y302" s="11"/>
      <c r="Z302" s="11"/>
      <c r="AA302" s="11"/>
      <c r="AB302" s="11"/>
      <c r="AC302" s="11"/>
      <c r="AD302" s="11"/>
      <c r="AE302" s="11"/>
      <c r="AF302" s="11"/>
      <c r="AG302" s="11"/>
      <c r="AH302" s="11"/>
      <c r="AI302" s="11"/>
      <c r="AJ302" s="11"/>
      <c r="AK302" s="11"/>
      <c r="AL302" s="11"/>
      <c r="AM302" s="11"/>
      <c r="AN302" s="83"/>
      <c r="AO302" s="83"/>
      <c r="AP302" s="83"/>
      <c r="AQ302" s="83"/>
      <c r="AR302" s="83"/>
      <c r="AS302" s="83"/>
      <c r="AT302" s="83"/>
      <c r="AU302" s="83"/>
      <c r="AV302" s="11"/>
      <c r="AW302" s="11"/>
      <c r="AX302" s="11"/>
      <c r="AY302" s="11"/>
      <c r="AZ302" s="11"/>
      <c r="BA302" s="11"/>
      <c r="BB302" s="11"/>
      <c r="BC302" s="11"/>
      <c r="BD302" s="11"/>
      <c r="BE302" s="11"/>
      <c r="BF302" s="11"/>
      <c r="BG302" s="11"/>
      <c r="BH302" s="11"/>
      <c r="BI302" s="11"/>
      <c r="BJ302" s="11"/>
      <c r="BK302" s="11"/>
      <c r="BL302" s="11"/>
      <c r="BM302" s="83"/>
      <c r="BN302" s="83"/>
    </row>
    <row r="303" spans="12:66" x14ac:dyDescent="0.3">
      <c r="L303" s="11"/>
      <c r="M303" s="11"/>
      <c r="N303" s="11"/>
      <c r="O303" s="11"/>
      <c r="P303" s="11"/>
      <c r="Q303" s="11"/>
      <c r="R303" s="11"/>
      <c r="S303" s="11"/>
      <c r="T303" s="11"/>
      <c r="U303" s="11"/>
      <c r="V303" s="11"/>
      <c r="W303" s="11"/>
      <c r="X303" s="11"/>
      <c r="Y303" s="11"/>
      <c r="Z303" s="11"/>
      <c r="AA303" s="11"/>
      <c r="AB303" s="11"/>
      <c r="AC303" s="11"/>
      <c r="AD303" s="11"/>
      <c r="AE303" s="11"/>
      <c r="AF303" s="11"/>
      <c r="AG303" s="11"/>
      <c r="AH303" s="11"/>
      <c r="AI303" s="11"/>
      <c r="AJ303" s="11"/>
      <c r="AK303" s="11"/>
      <c r="AL303" s="11"/>
      <c r="AM303" s="11"/>
      <c r="AN303" s="83"/>
      <c r="AO303" s="83"/>
      <c r="AP303" s="83"/>
      <c r="AQ303" s="83"/>
      <c r="AR303" s="83"/>
      <c r="AS303" s="83"/>
      <c r="AT303" s="83"/>
      <c r="AU303" s="83"/>
      <c r="AV303" s="11"/>
      <c r="AW303" s="11"/>
      <c r="AX303" s="11"/>
      <c r="AY303" s="11"/>
      <c r="AZ303" s="11"/>
      <c r="BA303" s="11"/>
      <c r="BB303" s="11"/>
      <c r="BC303" s="11"/>
      <c r="BD303" s="11"/>
      <c r="BE303" s="11"/>
      <c r="BF303" s="11"/>
      <c r="BG303" s="11"/>
      <c r="BH303" s="11"/>
      <c r="BI303" s="11"/>
      <c r="BJ303" s="11"/>
      <c r="BK303" s="11"/>
      <c r="BL303" s="11"/>
      <c r="BM303" s="83"/>
      <c r="BN303" s="37"/>
    </row>
    <row r="304" spans="12:66" x14ac:dyDescent="0.3">
      <c r="L304" s="11"/>
      <c r="M304" s="11"/>
      <c r="N304" s="11"/>
      <c r="O304" s="11"/>
      <c r="P304" s="11"/>
      <c r="Q304" s="11"/>
      <c r="R304" s="11"/>
      <c r="S304" s="11"/>
      <c r="T304" s="11"/>
      <c r="U304" s="11"/>
      <c r="V304" s="11"/>
      <c r="W304" s="11"/>
      <c r="X304" s="11"/>
      <c r="Y304" s="11"/>
      <c r="Z304" s="11"/>
      <c r="AA304" s="11"/>
      <c r="AB304" s="11"/>
      <c r="AC304" s="11"/>
      <c r="AD304" s="11"/>
      <c r="AE304" s="11"/>
      <c r="AF304" s="11"/>
      <c r="AG304" s="11"/>
      <c r="AH304" s="11"/>
      <c r="AI304" s="11"/>
      <c r="AJ304" s="11"/>
      <c r="AK304" s="11"/>
      <c r="AL304" s="11"/>
      <c r="AM304" s="11"/>
      <c r="AN304" s="83"/>
      <c r="AO304" s="83"/>
      <c r="AP304" s="83"/>
      <c r="AQ304" s="83"/>
      <c r="AR304" s="83"/>
      <c r="AS304" s="83"/>
      <c r="AT304" s="83"/>
      <c r="AU304" s="83"/>
      <c r="AV304" s="11"/>
      <c r="AW304" s="11"/>
      <c r="AX304" s="11"/>
      <c r="AY304" s="11"/>
      <c r="AZ304" s="11"/>
      <c r="BA304" s="11"/>
      <c r="BB304" s="11"/>
      <c r="BC304" s="11"/>
      <c r="BD304" s="11"/>
      <c r="BE304" s="11"/>
      <c r="BF304" s="11"/>
      <c r="BG304" s="11"/>
      <c r="BH304" s="11"/>
      <c r="BI304" s="11"/>
      <c r="BJ304" s="11"/>
      <c r="BK304" s="11"/>
      <c r="BL304" s="11"/>
      <c r="BM304" s="83"/>
      <c r="BN304" s="37"/>
    </row>
    <row r="305" spans="12:66" x14ac:dyDescent="0.3">
      <c r="L305" s="11"/>
      <c r="M305" s="11"/>
      <c r="N305" s="11"/>
      <c r="O305" s="11"/>
      <c r="P305" s="11"/>
      <c r="Q305" s="11"/>
      <c r="R305" s="11"/>
      <c r="S305" s="11"/>
      <c r="T305" s="11"/>
      <c r="U305" s="11"/>
      <c r="V305" s="11"/>
      <c r="W305" s="11"/>
      <c r="X305" s="11"/>
      <c r="Y305" s="11"/>
      <c r="Z305" s="11"/>
      <c r="AA305" s="11"/>
      <c r="AB305" s="11"/>
      <c r="AC305" s="11"/>
      <c r="AD305" s="11"/>
      <c r="AE305" s="11"/>
      <c r="AF305" s="11"/>
      <c r="AG305" s="11"/>
      <c r="AH305" s="11"/>
      <c r="AI305" s="11"/>
      <c r="AJ305" s="11"/>
      <c r="AK305" s="11"/>
      <c r="AL305" s="11"/>
      <c r="AM305" s="11"/>
      <c r="AN305" s="83"/>
      <c r="AO305" s="83"/>
      <c r="AP305" s="83"/>
      <c r="AQ305" s="83"/>
      <c r="AR305" s="83"/>
      <c r="AS305" s="83"/>
      <c r="AT305" s="83"/>
      <c r="AU305" s="83"/>
      <c r="AV305" s="11"/>
      <c r="AW305" s="11"/>
      <c r="AX305" s="11"/>
      <c r="AY305" s="11"/>
      <c r="AZ305" s="11"/>
      <c r="BA305" s="11"/>
      <c r="BB305" s="11"/>
      <c r="BC305" s="11"/>
      <c r="BD305" s="11"/>
      <c r="BE305" s="11"/>
      <c r="BF305" s="11"/>
      <c r="BG305" s="11"/>
      <c r="BH305" s="11"/>
      <c r="BI305" s="11"/>
      <c r="BJ305" s="11"/>
      <c r="BK305" s="11"/>
      <c r="BL305" s="11"/>
      <c r="BM305" s="83"/>
      <c r="BN305" s="37"/>
    </row>
    <row r="306" spans="12:66" x14ac:dyDescent="0.3">
      <c r="L306" s="11"/>
      <c r="M306" s="11"/>
      <c r="N306" s="11"/>
      <c r="O306" s="11"/>
      <c r="P306" s="11"/>
      <c r="Q306" s="11"/>
      <c r="R306" s="11"/>
      <c r="S306" s="11"/>
      <c r="T306" s="11"/>
      <c r="U306" s="11"/>
      <c r="V306" s="11"/>
      <c r="W306" s="11"/>
      <c r="X306" s="11"/>
      <c r="Y306" s="11"/>
      <c r="Z306" s="11"/>
      <c r="AA306" s="11"/>
      <c r="AB306" s="11"/>
      <c r="AC306" s="11"/>
      <c r="AD306" s="11"/>
      <c r="AE306" s="11"/>
      <c r="AF306" s="11"/>
      <c r="AG306" s="11"/>
      <c r="AH306" s="11"/>
      <c r="AI306" s="11"/>
      <c r="AJ306" s="11"/>
      <c r="AK306" s="11"/>
      <c r="AL306" s="11"/>
      <c r="AM306" s="11"/>
      <c r="AN306" s="83"/>
      <c r="AO306" s="83"/>
      <c r="AP306" s="83"/>
      <c r="AQ306" s="83"/>
      <c r="AR306" s="83"/>
      <c r="AS306" s="83"/>
      <c r="AT306" s="83"/>
      <c r="AU306" s="83"/>
      <c r="AV306" s="11"/>
      <c r="AW306" s="11"/>
      <c r="AX306" s="11"/>
      <c r="AY306" s="11"/>
      <c r="AZ306" s="11"/>
      <c r="BA306" s="11"/>
      <c r="BB306" s="11"/>
      <c r="BC306" s="11"/>
      <c r="BD306" s="11"/>
      <c r="BE306" s="11"/>
      <c r="BF306" s="11"/>
      <c r="BG306" s="11"/>
      <c r="BH306" s="11"/>
      <c r="BI306" s="11"/>
      <c r="BJ306" s="11"/>
      <c r="BK306" s="11"/>
      <c r="BL306" s="11"/>
      <c r="BM306" s="83"/>
      <c r="BN306" s="83"/>
    </row>
    <row r="307" spans="12:66" x14ac:dyDescent="0.3">
      <c r="AN307" s="37"/>
      <c r="AO307" s="37"/>
      <c r="AP307" s="37"/>
      <c r="AQ307" s="37"/>
      <c r="AR307" s="37"/>
      <c r="AS307" s="37"/>
      <c r="AT307" s="37"/>
      <c r="AU307" s="37"/>
      <c r="BD307" s="37"/>
      <c r="BE307" s="37"/>
      <c r="BF307" s="37"/>
      <c r="BG307" s="37"/>
      <c r="BH307" s="37"/>
      <c r="BI307" s="37"/>
      <c r="BJ307" s="37"/>
      <c r="BK307" s="37"/>
      <c r="BM307" s="37"/>
      <c r="BN307" s="83"/>
    </row>
    <row r="308" spans="12:66" x14ac:dyDescent="0.3">
      <c r="AN308" s="37"/>
      <c r="AO308" s="37"/>
      <c r="AP308" s="37"/>
      <c r="AQ308" s="37"/>
      <c r="AR308" s="37"/>
      <c r="AS308" s="37"/>
      <c r="AT308" s="37"/>
      <c r="AU308" s="37"/>
      <c r="BD308" s="37"/>
      <c r="BE308" s="37"/>
      <c r="BF308" s="37"/>
      <c r="BG308" s="37"/>
      <c r="BH308" s="37"/>
      <c r="BI308" s="37"/>
      <c r="BJ308" s="37"/>
      <c r="BK308" s="37"/>
      <c r="BM308" s="37"/>
      <c r="BN308" s="83"/>
    </row>
    <row r="309" spans="12:66" x14ac:dyDescent="0.3">
      <c r="L309" s="11"/>
      <c r="M309" s="11"/>
      <c r="N309" s="11"/>
      <c r="O309" s="11"/>
      <c r="P309" s="11"/>
      <c r="Q309" s="11"/>
      <c r="R309" s="11"/>
      <c r="S309" s="11"/>
      <c r="T309" s="11"/>
      <c r="U309" s="11"/>
      <c r="V309" s="11"/>
      <c r="W309" s="11"/>
      <c r="X309" s="11"/>
      <c r="Y309" s="11"/>
      <c r="Z309" s="11"/>
      <c r="AA309" s="11"/>
      <c r="AB309" s="11"/>
      <c r="AC309" s="11"/>
      <c r="AD309" s="11"/>
      <c r="AE309" s="11"/>
      <c r="AF309" s="11"/>
      <c r="AG309" s="11"/>
      <c r="AH309" s="11"/>
      <c r="AI309" s="11"/>
      <c r="AJ309" s="11"/>
      <c r="AK309" s="11"/>
      <c r="AL309" s="11"/>
      <c r="AM309" s="11"/>
      <c r="AN309" s="83"/>
      <c r="AO309" s="83"/>
      <c r="AP309" s="83"/>
      <c r="AQ309" s="83"/>
      <c r="AR309" s="83"/>
      <c r="AS309" s="83"/>
      <c r="AT309" s="83"/>
      <c r="AU309" s="83"/>
      <c r="AV309" s="11"/>
      <c r="AW309" s="11"/>
      <c r="AX309" s="11"/>
      <c r="AY309" s="11"/>
      <c r="AZ309" s="11"/>
      <c r="BA309" s="11"/>
      <c r="BB309" s="11"/>
      <c r="BC309" s="11"/>
      <c r="BD309" s="11"/>
      <c r="BE309" s="11"/>
      <c r="BF309" s="11"/>
      <c r="BG309" s="11"/>
      <c r="BH309" s="11"/>
      <c r="BI309" s="11"/>
      <c r="BJ309" s="11"/>
      <c r="BK309" s="11"/>
      <c r="BL309" s="11"/>
      <c r="BM309" s="83"/>
      <c r="BN309" s="83"/>
    </row>
    <row r="310" spans="12:66" x14ac:dyDescent="0.3">
      <c r="L310" s="11"/>
      <c r="M310" s="11"/>
      <c r="N310" s="11"/>
      <c r="O310" s="11"/>
      <c r="P310" s="11"/>
      <c r="Q310" s="11"/>
      <c r="R310" s="11"/>
      <c r="S310" s="11"/>
      <c r="T310" s="11"/>
      <c r="U310" s="11"/>
      <c r="V310" s="11"/>
      <c r="W310" s="11"/>
      <c r="X310" s="11"/>
      <c r="Y310" s="11"/>
      <c r="Z310" s="11"/>
      <c r="AA310" s="11"/>
      <c r="AB310" s="11"/>
      <c r="AC310" s="11"/>
      <c r="AD310" s="11"/>
      <c r="AE310" s="11"/>
      <c r="AF310" s="11"/>
      <c r="AG310" s="11"/>
      <c r="AH310" s="11"/>
      <c r="AI310" s="11"/>
      <c r="AJ310" s="11"/>
      <c r="AK310" s="11"/>
      <c r="AL310" s="11"/>
      <c r="AM310" s="11"/>
      <c r="AN310" s="83"/>
      <c r="AO310" s="83"/>
      <c r="AP310" s="83"/>
      <c r="AQ310" s="83"/>
      <c r="AR310" s="83"/>
      <c r="AS310" s="83"/>
      <c r="AT310" s="83"/>
      <c r="AU310" s="83"/>
      <c r="AV310" s="11"/>
      <c r="AW310" s="11"/>
      <c r="AX310" s="11"/>
      <c r="AY310" s="11"/>
      <c r="AZ310" s="11"/>
      <c r="BA310" s="11"/>
      <c r="BB310" s="11"/>
      <c r="BC310" s="11"/>
      <c r="BD310" s="11"/>
      <c r="BE310" s="11"/>
      <c r="BF310" s="11"/>
      <c r="BG310" s="11"/>
      <c r="BH310" s="11"/>
      <c r="BI310" s="11"/>
      <c r="BJ310" s="11"/>
      <c r="BK310" s="11"/>
      <c r="BL310" s="11"/>
      <c r="BM310" s="83"/>
      <c r="BN310" s="83"/>
    </row>
    <row r="311" spans="12:66" x14ac:dyDescent="0.3">
      <c r="L311" s="11"/>
      <c r="M311" s="11"/>
      <c r="N311" s="11"/>
      <c r="O311" s="11"/>
      <c r="P311" s="11"/>
      <c r="Q311" s="11"/>
      <c r="R311" s="11"/>
      <c r="S311" s="11"/>
      <c r="T311" s="11"/>
      <c r="U311" s="11"/>
      <c r="V311" s="11"/>
      <c r="W311" s="11"/>
      <c r="X311" s="11"/>
      <c r="Y311" s="11"/>
      <c r="Z311" s="11"/>
      <c r="AA311" s="11"/>
      <c r="AB311" s="11"/>
      <c r="AC311" s="11"/>
      <c r="AD311" s="11"/>
      <c r="AE311" s="11"/>
      <c r="AF311" s="11"/>
      <c r="AG311" s="11"/>
      <c r="AH311" s="11"/>
      <c r="AI311" s="11"/>
      <c r="AJ311" s="11"/>
      <c r="AK311" s="11"/>
      <c r="AL311" s="11"/>
      <c r="AM311" s="11"/>
      <c r="AN311" s="83"/>
      <c r="AO311" s="83"/>
      <c r="AP311" s="83"/>
      <c r="AQ311" s="83"/>
      <c r="AR311" s="83"/>
      <c r="AS311" s="83"/>
      <c r="AT311" s="83"/>
      <c r="AU311" s="83"/>
      <c r="AV311" s="11"/>
      <c r="AW311" s="11"/>
      <c r="AX311" s="11"/>
      <c r="AY311" s="11"/>
      <c r="AZ311" s="11"/>
      <c r="BA311" s="11"/>
      <c r="BB311" s="11"/>
      <c r="BC311" s="11"/>
      <c r="BD311" s="11"/>
      <c r="BE311" s="11"/>
      <c r="BF311" s="11"/>
      <c r="BG311" s="11"/>
      <c r="BH311" s="11"/>
      <c r="BI311" s="11"/>
      <c r="BJ311" s="11"/>
      <c r="BK311" s="11"/>
      <c r="BL311" s="11"/>
      <c r="BM311" s="83"/>
      <c r="BN311" s="83"/>
    </row>
    <row r="312" spans="12:66" x14ac:dyDescent="0.3">
      <c r="L312" s="11"/>
      <c r="M312" s="11"/>
      <c r="N312" s="11"/>
      <c r="O312" s="11"/>
      <c r="P312" s="11"/>
      <c r="Q312" s="11"/>
      <c r="R312" s="11"/>
      <c r="S312" s="11"/>
      <c r="T312" s="11"/>
      <c r="U312" s="11"/>
      <c r="V312" s="11"/>
      <c r="W312" s="11"/>
      <c r="X312" s="11"/>
      <c r="Y312" s="11"/>
      <c r="Z312" s="11"/>
      <c r="AA312" s="11"/>
      <c r="AB312" s="11"/>
      <c r="AC312" s="11"/>
      <c r="AD312" s="11"/>
      <c r="AE312" s="11"/>
      <c r="AF312" s="11"/>
      <c r="AG312" s="11"/>
      <c r="AH312" s="11"/>
      <c r="AI312" s="11"/>
      <c r="AJ312" s="11"/>
      <c r="AK312" s="11"/>
      <c r="AL312" s="11"/>
      <c r="AM312" s="11"/>
      <c r="AN312" s="83"/>
      <c r="AO312" s="83"/>
      <c r="AP312" s="83"/>
      <c r="AQ312" s="83"/>
      <c r="AR312" s="83"/>
      <c r="AS312" s="83"/>
      <c r="AT312" s="83"/>
      <c r="AU312" s="83"/>
      <c r="AV312" s="11"/>
      <c r="AW312" s="11"/>
      <c r="AX312" s="11"/>
      <c r="AY312" s="11"/>
      <c r="AZ312" s="11"/>
      <c r="BA312" s="11"/>
      <c r="BB312" s="11"/>
      <c r="BC312" s="11"/>
      <c r="BD312" s="11"/>
      <c r="BE312" s="11"/>
      <c r="BF312" s="11"/>
      <c r="BG312" s="11"/>
      <c r="BH312" s="11"/>
      <c r="BI312" s="11"/>
      <c r="BJ312" s="11"/>
      <c r="BK312" s="11"/>
      <c r="BL312" s="11"/>
      <c r="BM312" s="83"/>
      <c r="BN312" s="83"/>
    </row>
    <row r="313" spans="12:66" x14ac:dyDescent="0.3">
      <c r="L313" s="11"/>
      <c r="M313" s="11"/>
      <c r="N313" s="11"/>
      <c r="O313" s="11"/>
      <c r="P313" s="11"/>
      <c r="Q313" s="11"/>
      <c r="R313" s="11"/>
      <c r="S313" s="11"/>
      <c r="T313" s="11"/>
      <c r="U313" s="11"/>
      <c r="V313" s="11"/>
      <c r="W313" s="11"/>
      <c r="X313" s="11"/>
      <c r="Y313" s="11"/>
      <c r="Z313" s="11"/>
      <c r="AA313" s="11"/>
      <c r="AB313" s="11"/>
      <c r="AC313" s="11"/>
      <c r="AD313" s="11"/>
      <c r="AE313" s="11"/>
      <c r="AF313" s="11"/>
      <c r="AG313" s="11"/>
      <c r="AH313" s="11"/>
      <c r="AI313" s="11"/>
      <c r="AJ313" s="11"/>
      <c r="AK313" s="11"/>
      <c r="AL313" s="11"/>
      <c r="AM313" s="11"/>
      <c r="AN313" s="83"/>
      <c r="AO313" s="83"/>
      <c r="AP313" s="83"/>
      <c r="AQ313" s="83"/>
      <c r="AR313" s="83"/>
      <c r="AS313" s="83"/>
      <c r="AT313" s="83"/>
      <c r="AU313" s="83"/>
      <c r="AV313" s="11"/>
      <c r="AW313" s="11"/>
      <c r="AX313" s="11"/>
      <c r="AY313" s="11"/>
      <c r="AZ313" s="11"/>
      <c r="BA313" s="11"/>
      <c r="BB313" s="11"/>
      <c r="BC313" s="11"/>
      <c r="BD313" s="11"/>
      <c r="BE313" s="11"/>
      <c r="BF313" s="11"/>
      <c r="BG313" s="11"/>
      <c r="BH313" s="11"/>
      <c r="BI313" s="11"/>
      <c r="BJ313" s="11"/>
      <c r="BK313" s="11"/>
      <c r="BL313" s="11"/>
      <c r="BM313" s="83"/>
      <c r="BN313" s="83"/>
    </row>
  </sheetData>
  <phoneticPr fontId="31" type="noConversion"/>
  <pageMargins left="0.7" right="0.7" top="0.75" bottom="0.75" header="0.3" footer="0.3"/>
  <tableParts count="3">
    <tablePart r:id="rId1"/>
    <tablePart r:id="rId2"/>
    <tablePart r:id="rId3"/>
  </tablePart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486FC44-657A-49FB-A1C6-A6309091DDA6}">
  <dimension ref="A1:B101"/>
  <sheetViews>
    <sheetView topLeftCell="A77" workbookViewId="0">
      <selection activeCell="A96" sqref="A96"/>
    </sheetView>
  </sheetViews>
  <sheetFormatPr defaultRowHeight="15.6" x14ac:dyDescent="0.3"/>
  <cols>
    <col min="1" max="1" width="111" customWidth="1"/>
    <col min="2" max="2" width="30.59765625" customWidth="1"/>
  </cols>
  <sheetData>
    <row r="1" spans="1:2" x14ac:dyDescent="0.3">
      <c r="A1" t="s">
        <v>113</v>
      </c>
      <c r="B1">
        <f>'Agreement Reached'!F6</f>
        <v>0</v>
      </c>
    </row>
    <row r="2" spans="1:2" x14ac:dyDescent="0.3">
      <c r="A2" t="s">
        <v>839</v>
      </c>
      <c r="B2" t="str">
        <f>'Agreement Reached'!F5</f>
        <v>Please select SD number from drop down below.</v>
      </c>
    </row>
    <row r="3" spans="1:2" x14ac:dyDescent="0.3">
      <c r="A3" t="s">
        <v>840</v>
      </c>
      <c r="B3">
        <f>'Agreement Reached'!B6</f>
        <v>0</v>
      </c>
    </row>
    <row r="4" spans="1:2" x14ac:dyDescent="0.3">
      <c r="A4" t="s">
        <v>114</v>
      </c>
      <c r="B4" t="str">
        <f>'Agreement Reached'!B5</f>
        <v>Please select First Nation band Number from drop down below.</v>
      </c>
    </row>
    <row r="5" spans="1:2" x14ac:dyDescent="0.3">
      <c r="A5" t="s">
        <v>115</v>
      </c>
      <c r="B5">
        <f>'Agreement Reached'!C14</f>
        <v>0</v>
      </c>
    </row>
    <row r="6" spans="1:2" x14ac:dyDescent="0.3">
      <c r="A6" t="s">
        <v>203</v>
      </c>
      <c r="B6">
        <f>'Agreement Reached'!B10</f>
        <v>0</v>
      </c>
    </row>
    <row r="7" spans="1:2" x14ac:dyDescent="0.3">
      <c r="A7" t="s">
        <v>195</v>
      </c>
      <c r="B7">
        <f>'Agreement Reached'!C20</f>
        <v>0</v>
      </c>
    </row>
    <row r="8" spans="1:2" x14ac:dyDescent="0.3">
      <c r="A8" t="s">
        <v>196</v>
      </c>
      <c r="B8">
        <f>'Agreement Reached'!C21</f>
        <v>0</v>
      </c>
    </row>
    <row r="9" spans="1:2" x14ac:dyDescent="0.3">
      <c r="A9" t="s">
        <v>197</v>
      </c>
      <c r="B9">
        <f>'Agreement Reached'!C22</f>
        <v>0</v>
      </c>
    </row>
    <row r="10" spans="1:2" x14ac:dyDescent="0.3">
      <c r="A10" t="s">
        <v>198</v>
      </c>
      <c r="B10">
        <f>'Agreement Reached'!C23</f>
        <v>0</v>
      </c>
    </row>
    <row r="11" spans="1:2" x14ac:dyDescent="0.3">
      <c r="A11" t="s">
        <v>199</v>
      </c>
      <c r="B11">
        <f>'Agreement Reached'!C24</f>
        <v>0</v>
      </c>
    </row>
    <row r="12" spans="1:2" x14ac:dyDescent="0.3">
      <c r="A12" t="s">
        <v>200</v>
      </c>
      <c r="B12">
        <f>'Agreement Reached'!C25</f>
        <v>0</v>
      </c>
    </row>
    <row r="13" spans="1:2" x14ac:dyDescent="0.3">
      <c r="A13" t="s">
        <v>201</v>
      </c>
      <c r="B13">
        <f>'Agreement Reached'!C26</f>
        <v>0</v>
      </c>
    </row>
    <row r="14" spans="1:2" x14ac:dyDescent="0.3">
      <c r="A14" t="s">
        <v>202</v>
      </c>
      <c r="B14">
        <f>'Agreement Reached'!C27</f>
        <v>0</v>
      </c>
    </row>
    <row r="15" spans="1:2" x14ac:dyDescent="0.3">
      <c r="A15" t="s">
        <v>149</v>
      </c>
      <c r="B15">
        <f>'Agreement Reached'!E20</f>
        <v>0</v>
      </c>
    </row>
    <row r="16" spans="1:2" x14ac:dyDescent="0.3">
      <c r="A16" t="s">
        <v>150</v>
      </c>
      <c r="B16">
        <f>'Agreement Reached'!E21</f>
        <v>0</v>
      </c>
    </row>
    <row r="17" spans="1:2" x14ac:dyDescent="0.3">
      <c r="A17" t="s">
        <v>151</v>
      </c>
      <c r="B17">
        <f>'Agreement Reached'!E22</f>
        <v>0</v>
      </c>
    </row>
    <row r="18" spans="1:2" x14ac:dyDescent="0.3">
      <c r="A18" t="s">
        <v>152</v>
      </c>
      <c r="B18">
        <f>'Agreement Reached'!E23</f>
        <v>0</v>
      </c>
    </row>
    <row r="19" spans="1:2" x14ac:dyDescent="0.3">
      <c r="A19" t="s">
        <v>153</v>
      </c>
      <c r="B19">
        <f>'Agreement Reached'!E24</f>
        <v>0</v>
      </c>
    </row>
    <row r="20" spans="1:2" x14ac:dyDescent="0.3">
      <c r="A20" t="s">
        <v>154</v>
      </c>
      <c r="B20">
        <f>'Agreement Reached'!E25</f>
        <v>0</v>
      </c>
    </row>
    <row r="21" spans="1:2" x14ac:dyDescent="0.3">
      <c r="A21" t="s">
        <v>155</v>
      </c>
      <c r="B21">
        <f>'Agreement Reached'!E26</f>
        <v>0</v>
      </c>
    </row>
    <row r="22" spans="1:2" x14ac:dyDescent="0.3">
      <c r="A22" t="s">
        <v>192</v>
      </c>
      <c r="B22">
        <f>'Agreement Reached'!E27</f>
        <v>0</v>
      </c>
    </row>
    <row r="23" spans="1:2" x14ac:dyDescent="0.3">
      <c r="A23" t="s">
        <v>116</v>
      </c>
      <c r="B23">
        <f>'Agreement Reached'!F20</f>
        <v>0</v>
      </c>
    </row>
    <row r="24" spans="1:2" x14ac:dyDescent="0.3">
      <c r="A24" t="s">
        <v>117</v>
      </c>
      <c r="B24">
        <f>'Agreement Reached'!F21</f>
        <v>0</v>
      </c>
    </row>
    <row r="25" spans="1:2" x14ac:dyDescent="0.3">
      <c r="A25" t="s">
        <v>118</v>
      </c>
      <c r="B25">
        <f>'Agreement Reached'!F22</f>
        <v>0</v>
      </c>
    </row>
    <row r="26" spans="1:2" x14ac:dyDescent="0.3">
      <c r="A26" t="s">
        <v>119</v>
      </c>
      <c r="B26">
        <f>'Agreement Reached'!F23</f>
        <v>0</v>
      </c>
    </row>
    <row r="27" spans="1:2" x14ac:dyDescent="0.3">
      <c r="A27" t="s">
        <v>120</v>
      </c>
      <c r="B27">
        <f>'Agreement Reached'!F24</f>
        <v>0</v>
      </c>
    </row>
    <row r="28" spans="1:2" x14ac:dyDescent="0.3">
      <c r="A28" t="s">
        <v>121</v>
      </c>
      <c r="B28">
        <f>'Agreement Reached'!F25</f>
        <v>0</v>
      </c>
    </row>
    <row r="29" spans="1:2" x14ac:dyDescent="0.3">
      <c r="A29" t="s">
        <v>122</v>
      </c>
      <c r="B29">
        <f>'Agreement Reached'!F26</f>
        <v>0</v>
      </c>
    </row>
    <row r="30" spans="1:2" x14ac:dyDescent="0.3">
      <c r="A30" t="s">
        <v>193</v>
      </c>
      <c r="B30">
        <f>'Agreement Reached'!F27</f>
        <v>0</v>
      </c>
    </row>
    <row r="31" spans="1:2" x14ac:dyDescent="0.3">
      <c r="A31" t="s">
        <v>841</v>
      </c>
      <c r="B31" s="37">
        <f>'Agreement Reached'!G20</f>
        <v>0</v>
      </c>
    </row>
    <row r="32" spans="1:2" x14ac:dyDescent="0.3">
      <c r="A32" t="s">
        <v>842</v>
      </c>
      <c r="B32" s="37">
        <f>'Agreement Reached'!G21</f>
        <v>0</v>
      </c>
    </row>
    <row r="33" spans="1:2" x14ac:dyDescent="0.3">
      <c r="A33" t="s">
        <v>843</v>
      </c>
      <c r="B33" s="37">
        <f>'Agreement Reached'!G22</f>
        <v>0</v>
      </c>
    </row>
    <row r="34" spans="1:2" x14ac:dyDescent="0.3">
      <c r="A34" t="s">
        <v>844</v>
      </c>
      <c r="B34" s="37">
        <f>'Agreement Reached'!G23</f>
        <v>0</v>
      </c>
    </row>
    <row r="35" spans="1:2" x14ac:dyDescent="0.3">
      <c r="A35" t="s">
        <v>845</v>
      </c>
      <c r="B35" s="37">
        <f>'Agreement Reached'!G24</f>
        <v>0</v>
      </c>
    </row>
    <row r="36" spans="1:2" x14ac:dyDescent="0.3">
      <c r="A36" t="s">
        <v>846</v>
      </c>
      <c r="B36" s="37">
        <f>'Agreement Reached'!G25</f>
        <v>0</v>
      </c>
    </row>
    <row r="37" spans="1:2" x14ac:dyDescent="0.3">
      <c r="A37" t="s">
        <v>847</v>
      </c>
      <c r="B37" s="37">
        <f>'Agreement Reached'!G26</f>
        <v>0</v>
      </c>
    </row>
    <row r="38" spans="1:2" x14ac:dyDescent="0.3">
      <c r="A38" t="s">
        <v>848</v>
      </c>
      <c r="B38" s="37">
        <f>'Agreement Reached'!G27</f>
        <v>0</v>
      </c>
    </row>
    <row r="39" spans="1:2" x14ac:dyDescent="0.3">
      <c r="A39" t="s">
        <v>849</v>
      </c>
      <c r="B39" s="37">
        <f>'Agreement Reached'!H20</f>
        <v>0</v>
      </c>
    </row>
    <row r="40" spans="1:2" x14ac:dyDescent="0.3">
      <c r="A40" t="s">
        <v>850</v>
      </c>
      <c r="B40" s="37">
        <f>'Agreement Reached'!H21</f>
        <v>0</v>
      </c>
    </row>
    <row r="41" spans="1:2" x14ac:dyDescent="0.3">
      <c r="A41" t="s">
        <v>851</v>
      </c>
      <c r="B41" s="37">
        <f>'Agreement Reached'!H22</f>
        <v>0</v>
      </c>
    </row>
    <row r="42" spans="1:2" x14ac:dyDescent="0.3">
      <c r="A42" t="s">
        <v>852</v>
      </c>
      <c r="B42" s="37">
        <f>'Agreement Reached'!H23</f>
        <v>0</v>
      </c>
    </row>
    <row r="43" spans="1:2" x14ac:dyDescent="0.3">
      <c r="A43" t="s">
        <v>853</v>
      </c>
      <c r="B43" s="37">
        <f>'Agreement Reached'!H24</f>
        <v>0</v>
      </c>
    </row>
    <row r="44" spans="1:2" x14ac:dyDescent="0.3">
      <c r="A44" t="s">
        <v>854</v>
      </c>
      <c r="B44" s="37">
        <f>'Agreement Reached'!H25</f>
        <v>0</v>
      </c>
    </row>
    <row r="45" spans="1:2" x14ac:dyDescent="0.3">
      <c r="A45" t="s">
        <v>855</v>
      </c>
      <c r="B45" s="37">
        <f>'Agreement Reached'!H26</f>
        <v>0</v>
      </c>
    </row>
    <row r="46" spans="1:2" x14ac:dyDescent="0.3">
      <c r="A46" t="s">
        <v>856</v>
      </c>
      <c r="B46" s="37">
        <f>'Agreement Reached'!H27</f>
        <v>0</v>
      </c>
    </row>
    <row r="47" spans="1:2" x14ac:dyDescent="0.3">
      <c r="A47" t="s">
        <v>126</v>
      </c>
      <c r="B47">
        <f>'Agreement Reached'!I20</f>
        <v>0</v>
      </c>
    </row>
    <row r="48" spans="1:2" x14ac:dyDescent="0.3">
      <c r="A48" t="s">
        <v>127</v>
      </c>
      <c r="B48">
        <f>'Agreement Reached'!I21</f>
        <v>0</v>
      </c>
    </row>
    <row r="49" spans="1:2" x14ac:dyDescent="0.3">
      <c r="A49" t="s">
        <v>128</v>
      </c>
      <c r="B49">
        <f>'Agreement Reached'!I22</f>
        <v>0</v>
      </c>
    </row>
    <row r="50" spans="1:2" x14ac:dyDescent="0.3">
      <c r="A50" t="s">
        <v>129</v>
      </c>
      <c r="B50">
        <f>'Agreement Reached'!I23</f>
        <v>0</v>
      </c>
    </row>
    <row r="51" spans="1:2" x14ac:dyDescent="0.3">
      <c r="A51" t="s">
        <v>130</v>
      </c>
      <c r="B51">
        <f>'Agreement Reached'!I24</f>
        <v>0</v>
      </c>
    </row>
    <row r="52" spans="1:2" x14ac:dyDescent="0.3">
      <c r="A52" t="s">
        <v>131</v>
      </c>
      <c r="B52">
        <f>'Agreement Reached'!I25</f>
        <v>0</v>
      </c>
    </row>
    <row r="53" spans="1:2" x14ac:dyDescent="0.3">
      <c r="A53" t="s">
        <v>132</v>
      </c>
      <c r="B53">
        <f>'Agreement Reached'!I26</f>
        <v>0</v>
      </c>
    </row>
    <row r="54" spans="1:2" x14ac:dyDescent="0.3">
      <c r="A54" t="s">
        <v>172</v>
      </c>
      <c r="B54">
        <f>'Agreement Reached'!I27</f>
        <v>0</v>
      </c>
    </row>
    <row r="55" spans="1:2" x14ac:dyDescent="0.3">
      <c r="A55" t="s">
        <v>857</v>
      </c>
      <c r="B55" s="37">
        <f>'Agreement Reached'!J20</f>
        <v>0</v>
      </c>
    </row>
    <row r="56" spans="1:2" x14ac:dyDescent="0.3">
      <c r="A56" t="s">
        <v>858</v>
      </c>
      <c r="B56" s="37">
        <f>'Agreement Reached'!J21</f>
        <v>0</v>
      </c>
    </row>
    <row r="57" spans="1:2" x14ac:dyDescent="0.3">
      <c r="A57" t="s">
        <v>859</v>
      </c>
      <c r="B57" s="37">
        <f>'Agreement Reached'!J22</f>
        <v>0</v>
      </c>
    </row>
    <row r="58" spans="1:2" x14ac:dyDescent="0.3">
      <c r="A58" t="s">
        <v>860</v>
      </c>
      <c r="B58" s="37">
        <f>'Agreement Reached'!J23</f>
        <v>0</v>
      </c>
    </row>
    <row r="59" spans="1:2" x14ac:dyDescent="0.3">
      <c r="A59" t="s">
        <v>861</v>
      </c>
      <c r="B59" s="37">
        <f>'Agreement Reached'!J24</f>
        <v>0</v>
      </c>
    </row>
    <row r="60" spans="1:2" x14ac:dyDescent="0.3">
      <c r="A60" t="s">
        <v>862</v>
      </c>
      <c r="B60" s="37">
        <f>'Agreement Reached'!J25</f>
        <v>0</v>
      </c>
    </row>
    <row r="61" spans="1:2" x14ac:dyDescent="0.3">
      <c r="A61" t="s">
        <v>863</v>
      </c>
      <c r="B61" s="37">
        <f>'Agreement Reached'!J26</f>
        <v>0</v>
      </c>
    </row>
    <row r="62" spans="1:2" x14ac:dyDescent="0.3">
      <c r="A62" t="s">
        <v>864</v>
      </c>
      <c r="B62" s="37">
        <f>'Agreement Reached'!J27</f>
        <v>0</v>
      </c>
    </row>
    <row r="63" spans="1:2" x14ac:dyDescent="0.3">
      <c r="A63" t="s">
        <v>865</v>
      </c>
      <c r="B63" s="37">
        <f>'Agreement Reached'!K20</f>
        <v>0</v>
      </c>
    </row>
    <row r="64" spans="1:2" x14ac:dyDescent="0.3">
      <c r="A64" t="s">
        <v>866</v>
      </c>
      <c r="B64" s="37">
        <f>'Agreement Reached'!K21</f>
        <v>0</v>
      </c>
    </row>
    <row r="65" spans="1:2" x14ac:dyDescent="0.3">
      <c r="A65" t="s">
        <v>867</v>
      </c>
      <c r="B65" s="37">
        <f>'Agreement Reached'!K22</f>
        <v>0</v>
      </c>
    </row>
    <row r="66" spans="1:2" x14ac:dyDescent="0.3">
      <c r="A66" t="s">
        <v>868</v>
      </c>
      <c r="B66" s="37">
        <f>'Agreement Reached'!K23</f>
        <v>0</v>
      </c>
    </row>
    <row r="67" spans="1:2" x14ac:dyDescent="0.3">
      <c r="A67" t="s">
        <v>869</v>
      </c>
      <c r="B67" s="37">
        <f>'Agreement Reached'!K24</f>
        <v>0</v>
      </c>
    </row>
    <row r="68" spans="1:2" x14ac:dyDescent="0.3">
      <c r="A68" t="s">
        <v>870</v>
      </c>
      <c r="B68" s="37">
        <f>'Agreement Reached'!K25</f>
        <v>0</v>
      </c>
    </row>
    <row r="69" spans="1:2" x14ac:dyDescent="0.3">
      <c r="A69" t="s">
        <v>871</v>
      </c>
      <c r="B69" s="37">
        <f>'Agreement Reached'!K26</f>
        <v>0</v>
      </c>
    </row>
    <row r="70" spans="1:2" x14ac:dyDescent="0.3">
      <c r="A70" t="s">
        <v>872</v>
      </c>
      <c r="B70" s="37">
        <f>'Agreement Reached'!K27</f>
        <v>0</v>
      </c>
    </row>
    <row r="71" spans="1:2" x14ac:dyDescent="0.3">
      <c r="A71" t="s">
        <v>873</v>
      </c>
      <c r="B71" t="str">
        <f>IF('Agreement Reached'!K20&gt;0, 'Agreement Reached'!C20, "-")</f>
        <v>-</v>
      </c>
    </row>
    <row r="72" spans="1:2" x14ac:dyDescent="0.3">
      <c r="A72" t="s">
        <v>874</v>
      </c>
      <c r="B72" t="str">
        <f>IF('Agreement Reached'!K21&gt;0, 'Agreement Reached'!C21, "-")</f>
        <v>-</v>
      </c>
    </row>
    <row r="73" spans="1:2" x14ac:dyDescent="0.3">
      <c r="A73" t="s">
        <v>875</v>
      </c>
      <c r="B73" t="str">
        <f>IF('Agreement Reached'!K22&gt;0, 'Agreement Reached'!C22, "-")</f>
        <v>-</v>
      </c>
    </row>
    <row r="74" spans="1:2" x14ac:dyDescent="0.3">
      <c r="A74" t="s">
        <v>876</v>
      </c>
      <c r="B74" t="str">
        <f>IF('Agreement Reached'!K23&gt;0, 'Agreement Reached'!C23, "-")</f>
        <v>-</v>
      </c>
    </row>
    <row r="75" spans="1:2" x14ac:dyDescent="0.3">
      <c r="A75" t="s">
        <v>877</v>
      </c>
      <c r="B75" t="str">
        <f>IF('Agreement Reached'!K24&gt;0, 'Agreement Reached'!C24, "-")</f>
        <v>-</v>
      </c>
    </row>
    <row r="76" spans="1:2" x14ac:dyDescent="0.3">
      <c r="A76" t="s">
        <v>878</v>
      </c>
      <c r="B76" t="str">
        <f>IF('Agreement Reached'!K25&gt;0, 'Agreement Reached'!C25, "-")</f>
        <v>-</v>
      </c>
    </row>
    <row r="77" spans="1:2" x14ac:dyDescent="0.3">
      <c r="A77" t="s">
        <v>879</v>
      </c>
      <c r="B77" t="str">
        <f>IF('Agreement Reached'!K26&gt;0, 'Agreement Reached'!C26, "-")</f>
        <v>-</v>
      </c>
    </row>
    <row r="78" spans="1:2" x14ac:dyDescent="0.3">
      <c r="A78" t="s">
        <v>880</v>
      </c>
      <c r="B78" t="str">
        <f>IF('Agreement Reached'!K27&gt;0, 'Agreement Reached'!C27, "-")</f>
        <v>-</v>
      </c>
    </row>
    <row r="79" spans="1:2" x14ac:dyDescent="0.3">
      <c r="A79" t="s">
        <v>881</v>
      </c>
      <c r="B79" t="str">
        <f>IF('Agreement Reached'!K20&gt;0, 'Agreement Reached'!D20, "-")</f>
        <v>-</v>
      </c>
    </row>
    <row r="80" spans="1:2" x14ac:dyDescent="0.3">
      <c r="A80" t="s">
        <v>882</v>
      </c>
      <c r="B80" t="str">
        <f>IF('Agreement Reached'!K21&gt;0, 'Agreement Reached'!D21, "-")</f>
        <v>-</v>
      </c>
    </row>
    <row r="81" spans="1:2" x14ac:dyDescent="0.3">
      <c r="A81" t="s">
        <v>883</v>
      </c>
      <c r="B81" t="str">
        <f>IF('Agreement Reached'!K22&gt;0, 'Agreement Reached'!D22, "-")</f>
        <v>-</v>
      </c>
    </row>
    <row r="82" spans="1:2" x14ac:dyDescent="0.3">
      <c r="A82" t="s">
        <v>884</v>
      </c>
      <c r="B82" t="str">
        <f>IF('Agreement Reached'!K23&gt;0, 'Agreement Reached'!D23, "-")</f>
        <v>-</v>
      </c>
    </row>
    <row r="83" spans="1:2" x14ac:dyDescent="0.3">
      <c r="A83" t="s">
        <v>885</v>
      </c>
      <c r="B83" t="str">
        <f>IF('Agreement Reached'!K24&gt;0, 'Agreement Reached'!D24, "-")</f>
        <v>-</v>
      </c>
    </row>
    <row r="84" spans="1:2" x14ac:dyDescent="0.3">
      <c r="A84" t="s">
        <v>886</v>
      </c>
      <c r="B84" t="str">
        <f>IF('Agreement Reached'!K25&gt;0, 'Agreement Reached'!D25, "-")</f>
        <v>-</v>
      </c>
    </row>
    <row r="85" spans="1:2" x14ac:dyDescent="0.3">
      <c r="A85" t="s">
        <v>887</v>
      </c>
      <c r="B85" t="str">
        <f>IF('Agreement Reached'!K26&gt;0, 'Agreement Reached'!D26, "-")</f>
        <v>-</v>
      </c>
    </row>
    <row r="86" spans="1:2" x14ac:dyDescent="0.3">
      <c r="A86" t="s">
        <v>888</v>
      </c>
      <c r="B86" t="str">
        <f>IF('Agreement Reached'!K27&gt;0, 'Agreement Reached'!D27, "-")</f>
        <v>-</v>
      </c>
    </row>
    <row r="87" spans="1:2" x14ac:dyDescent="0.3">
      <c r="A87" t="s">
        <v>889</v>
      </c>
      <c r="B87" s="99">
        <f>'Agreement Reached'!L20</f>
        <v>0</v>
      </c>
    </row>
    <row r="88" spans="1:2" x14ac:dyDescent="0.3">
      <c r="A88" t="s">
        <v>890</v>
      </c>
      <c r="B88" s="99">
        <f>'Agreement Reached'!L21</f>
        <v>0</v>
      </c>
    </row>
    <row r="89" spans="1:2" x14ac:dyDescent="0.3">
      <c r="A89" t="s">
        <v>891</v>
      </c>
      <c r="B89" s="99">
        <f>'Agreement Reached'!L22</f>
        <v>0</v>
      </c>
    </row>
    <row r="90" spans="1:2" x14ac:dyDescent="0.3">
      <c r="A90" t="s">
        <v>892</v>
      </c>
      <c r="B90" s="99">
        <f>'Agreement Reached'!L23</f>
        <v>0</v>
      </c>
    </row>
    <row r="91" spans="1:2" x14ac:dyDescent="0.3">
      <c r="A91" t="s">
        <v>893</v>
      </c>
      <c r="B91" s="99">
        <f>'Agreement Reached'!L24</f>
        <v>0</v>
      </c>
    </row>
    <row r="92" spans="1:2" x14ac:dyDescent="0.3">
      <c r="A92" t="s">
        <v>894</v>
      </c>
      <c r="B92" s="99">
        <f>'Agreement Reached'!L25</f>
        <v>0</v>
      </c>
    </row>
    <row r="93" spans="1:2" x14ac:dyDescent="0.3">
      <c r="A93" t="s">
        <v>895</v>
      </c>
      <c r="B93" s="99">
        <f>'Agreement Reached'!L26</f>
        <v>0</v>
      </c>
    </row>
    <row r="94" spans="1:2" x14ac:dyDescent="0.3">
      <c r="A94" t="s">
        <v>896</v>
      </c>
      <c r="B94" s="99">
        <f>'Agreement Reached'!L27</f>
        <v>0</v>
      </c>
    </row>
    <row r="95" spans="1:2" x14ac:dyDescent="0.3">
      <c r="A95" t="s">
        <v>906</v>
      </c>
      <c r="B95" s="102">
        <f>'Agreement Reached'!D28</f>
        <v>0</v>
      </c>
    </row>
    <row r="96" spans="1:2" x14ac:dyDescent="0.3">
      <c r="A96" t="s">
        <v>897</v>
      </c>
      <c r="B96" s="102">
        <f>'Agreement Reached'!D28-'Agreement Reached'!C14</f>
        <v>0</v>
      </c>
    </row>
    <row r="97" spans="1:2" x14ac:dyDescent="0.3">
      <c r="A97" t="s">
        <v>898</v>
      </c>
      <c r="B97" s="101">
        <f>'Agreement Reached'!G28</f>
        <v>0</v>
      </c>
    </row>
    <row r="98" spans="1:2" x14ac:dyDescent="0.3">
      <c r="A98" t="s">
        <v>899</v>
      </c>
      <c r="B98" s="101">
        <f>'Agreement Reached'!H28</f>
        <v>0</v>
      </c>
    </row>
    <row r="99" spans="1:2" x14ac:dyDescent="0.3">
      <c r="A99" t="s">
        <v>900</v>
      </c>
      <c r="B99" s="101">
        <f>'Agreement Reached'!J28</f>
        <v>0</v>
      </c>
    </row>
    <row r="100" spans="1:2" x14ac:dyDescent="0.3">
      <c r="A100" t="s">
        <v>901</v>
      </c>
      <c r="B100" s="101">
        <f>'Agreement Reached'!K28</f>
        <v>0</v>
      </c>
    </row>
    <row r="101" spans="1:2" x14ac:dyDescent="0.3">
      <c r="A101" t="s">
        <v>903</v>
      </c>
      <c r="B101" s="101">
        <f>'Agreement Reached'!H32</f>
        <v>0</v>
      </c>
    </row>
  </sheetData>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color xmlns="24ca4954-836e-4dd6-806d-d2cdcf695e13" xsi:nil="true"/>
    <otherNumber xmlns="24ca4954-836e-4dd6-806d-d2cdcf695e13" xsi:nil="true"/>
    <pos xmlns="24ca4954-836e-4dd6-806d-d2cdcf695e13">114686.25</pos>
    <mediator xmlns="24ca4954-836e-4dd6-806d-d2cdcf695e13">
      <UserInfo>
        <DisplayName/>
        <AccountId xsi:nil="true"/>
        <AccountType/>
      </UserInfo>
    </mediator>
    <colleaguesG xmlns="24ca4954-836e-4dd6-806d-d2cdcf695e13" xsi:nil="true"/>
    <parentGuid xmlns="24ca4954-836e-4dd6-806d-d2cdcf695e13" xsi:nil="true"/>
    <watchersG xmlns="24ca4954-836e-4dd6-806d-d2cdcf695e13" xsi:nil="true"/>
    <history xmlns="24ca4954-836e-4dd6-806d-d2cdcf695e13" xsi:nil="true"/>
    <rush xmlns="24ca4954-836e-4dd6-806d-d2cdcf695e13" xsi:nil="true"/>
    <completedOn xmlns="24ca4954-836e-4dd6-806d-d2cdcf695e13" xsi:nil="true"/>
    <info xmlns="24ca4954-836e-4dd6-806d-d2cdcf695e13" xsi:nil="true"/>
    <subcategory xmlns="24ca4954-836e-4dd6-806d-d2cdcf695e13" xsi:nil="true"/>
    <uniqueMinistryId xmlns="24ca4954-836e-4dd6-806d-d2cdcf695e13" xsi:nil="true"/>
    <TaxCatchAll xmlns="6fe9af5a-ed8a-4244-928d-e56d06aad847" xsi:nil="true"/>
    <folderName xmlns="24ca4954-836e-4dd6-806d-d2cdcf695e13" xsi:nil="true"/>
    <branch xmlns="24ca4954-836e-4dd6-806d-d2cdcf695e13" xsi:nil="true"/>
    <assignedToGroups xmlns="24ca4954-836e-4dd6-806d-d2cdcf695e13">
      <UserInfo>
        <DisplayName/>
        <AccountId xsi:nil="true"/>
        <AccountType/>
      </UserInfo>
    </assignedToGroups>
    <desc xmlns="24ca4954-836e-4dd6-806d-d2cdcf695e13" xsi:nil="true"/>
    <documentStringNames xmlns="24ca4954-836e-4dd6-806d-d2cdcf695e13" xsi:nil="true"/>
    <ministries xmlns="24ca4954-836e-4dd6-806d-d2cdcf695e13" xsi:nil="true"/>
    <crossMinistry xmlns="24ca4954-836e-4dd6-806d-d2cdcf695e13" xsi:nil="true"/>
    <entityType xmlns="24ca4954-836e-4dd6-806d-d2cdcf695e13">4</entityType>
    <formAnswers xmlns="24ca4954-836e-4dd6-806d-d2cdcf695e13" xsi:nil="true"/>
    <whenToArchive xmlns="24ca4954-836e-4dd6-806d-d2cdcf695e13" xsi:nil="true"/>
    <blueprintVersion xmlns="24ca4954-836e-4dd6-806d-d2cdcf695e13" xsi:nil="true"/>
    <formVersion xmlns="24ca4954-836e-4dd6-806d-d2cdcf695e13" xsi:nil="true"/>
    <assignedToSiteUser xmlns="24ca4954-836e-4dd6-806d-d2cdcf695e13">
      <UserInfo>
        <DisplayName/>
        <AccountId xsi:nil="true"/>
        <AccountType/>
      </UserInfo>
    </assignedToSiteUser>
    <lcf76f155ced4ddcb4097134ff3c332f xmlns="24ca4954-836e-4dd6-806d-d2cdcf695e13">
      <Terms xmlns="http://schemas.microsoft.com/office/infopath/2007/PartnerControls"/>
    </lcf76f155ced4ddcb4097134ff3c332f>
    <blueprint xmlns="24ca4954-836e-4dd6-806d-d2cdcf695e13" xsi:nil="true"/>
    <due xmlns="24ca4954-836e-4dd6-806d-d2cdcf695e13" xsi:nil="true"/>
    <createdOn xmlns="24ca4954-836e-4dd6-806d-d2cdcf695e13" xsi:nil="true"/>
    <groupWatchers xmlns="24ca4954-836e-4dd6-806d-d2cdcf695e13">
      <UserInfo>
        <DisplayName/>
        <AccountId xsi:nil="true"/>
        <AccountType/>
      </UserInfo>
    </groupWatchers>
    <assignedToG xmlns="24ca4954-836e-4dd6-806d-d2cdcf695e13"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7982D16F4375A649BD0847D4D8BBFC22" ma:contentTypeVersion="49" ma:contentTypeDescription="Create a new document." ma:contentTypeScope="" ma:versionID="201c871988466d08d016de6e71336f4a">
  <xsd:schema xmlns:xsd="http://www.w3.org/2001/XMLSchema" xmlns:xs="http://www.w3.org/2001/XMLSchema" xmlns:p="http://schemas.microsoft.com/office/2006/metadata/properties" xmlns:ns2="24ca4954-836e-4dd6-806d-d2cdcf695e13" xmlns:ns3="6fe9af5a-ed8a-4244-928d-e56d06aad847" targetNamespace="http://schemas.microsoft.com/office/2006/metadata/properties" ma:root="true" ma:fieldsID="d89b63a5b33492118e1b138bd82e8379" ns2:_="" ns3:_="">
    <xsd:import namespace="24ca4954-836e-4dd6-806d-d2cdcf695e13"/>
    <xsd:import namespace="6fe9af5a-ed8a-4244-928d-e56d06aad847"/>
    <xsd:element name="properties">
      <xsd:complexType>
        <xsd:sequence>
          <xsd:element name="documentManagement">
            <xsd:complexType>
              <xsd:all>
                <xsd:element ref="ns2:desc" minOccurs="0"/>
                <xsd:element ref="ns2:history" minOccurs="0"/>
                <xsd:element ref="ns2:info" minOccurs="0"/>
                <xsd:element ref="ns2:formAnswers" minOccurs="0"/>
                <xsd:element ref="ns2:otherNumber" minOccurs="0"/>
                <xsd:element ref="ns2:uniqueMinistryId" minOccurs="0"/>
                <xsd:element ref="ns2:subcategory" minOccurs="0"/>
                <xsd:element ref="ns2:parentGuid" minOccurs="0"/>
                <xsd:element ref="ns2:folderName" minOccurs="0"/>
                <xsd:element ref="ns2:due" minOccurs="0"/>
                <xsd:element ref="ns2:createdOn" minOccurs="0"/>
                <xsd:element ref="ns2:completedOn" minOccurs="0"/>
                <xsd:element ref="ns2:whenToArchive" minOccurs="0"/>
                <xsd:element ref="ns2:rush" minOccurs="0"/>
                <xsd:element ref="ns2:blueprintVersion" minOccurs="0"/>
                <xsd:element ref="ns2:pos" minOccurs="0"/>
                <xsd:element ref="ns2:entityType" minOccurs="0"/>
                <xsd:element ref="ns2:branch" minOccurs="0"/>
                <xsd:element ref="ns2:color" minOccurs="0"/>
                <xsd:element ref="ns2:formVersion" minOccurs="0"/>
                <xsd:element ref="ns2:blueprint" minOccurs="0"/>
                <xsd:element ref="ns2:assignedToG" minOccurs="0"/>
                <xsd:element ref="ns2:assignedToGroups" minOccurs="0"/>
                <xsd:element ref="ns2:mediator" minOccurs="0"/>
                <xsd:element ref="ns2:assignedToSiteUser" minOccurs="0"/>
                <xsd:element ref="ns2:colleaguesG" minOccurs="0"/>
                <xsd:element ref="ns2:watchersG" minOccurs="0"/>
                <xsd:element ref="ns2:groupWatchers" minOccurs="0"/>
                <xsd:element ref="ns2:MediaServiceMetadata" minOccurs="0"/>
                <xsd:element ref="ns2:MediaServiceFastMetadata" minOccurs="0"/>
                <xsd:element ref="ns2:MediaServiceObjectDetectorVersions" minOccurs="0"/>
                <xsd:element ref="ns2:lcf76f155ced4ddcb4097134ff3c332f" minOccurs="0"/>
                <xsd:element ref="ns3:TaxCatchAll" minOccurs="0"/>
                <xsd:element ref="ns2:MediaServiceGenerationTime" minOccurs="0"/>
                <xsd:element ref="ns2:MediaServiceEventHashCode" minOccurs="0"/>
                <xsd:element ref="ns3:SharedWithUsers" minOccurs="0"/>
                <xsd:element ref="ns3:SharedWithDetails" minOccurs="0"/>
                <xsd:element ref="ns2:MediaLengthInSeconds" minOccurs="0"/>
                <xsd:element ref="ns2:MediaServiceOCR" minOccurs="0"/>
                <xsd:element ref="ns2:MediaServiceDateTaken" minOccurs="0"/>
                <xsd:element ref="ns2:MediaServiceSearchProperties" minOccurs="0"/>
                <xsd:element ref="ns2:MediaServiceLocation" minOccurs="0"/>
                <xsd:element ref="ns2:documentStringNames" minOccurs="0"/>
                <xsd:element ref="ns2:crossMinistry" minOccurs="0"/>
                <xsd:element ref="ns2:ministr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4ca4954-836e-4dd6-806d-d2cdcf695e13" elementFormDefault="qualified">
    <xsd:import namespace="http://schemas.microsoft.com/office/2006/documentManagement/types"/>
    <xsd:import namespace="http://schemas.microsoft.com/office/infopath/2007/PartnerControls"/>
    <xsd:element name="desc" ma:index="8" nillable="true" ma:displayName="desc" ma:internalName="desc">
      <xsd:simpleType>
        <xsd:restriction base="dms:Note">
          <xsd:maxLength value="255"/>
        </xsd:restriction>
      </xsd:simpleType>
    </xsd:element>
    <xsd:element name="history" ma:index="9" nillable="true" ma:displayName="history" ma:internalName="history">
      <xsd:simpleType>
        <xsd:restriction base="dms:Note">
          <xsd:maxLength value="255"/>
        </xsd:restriction>
      </xsd:simpleType>
    </xsd:element>
    <xsd:element name="info" ma:index="10" nillable="true" ma:displayName="info" ma:internalName="info">
      <xsd:simpleType>
        <xsd:restriction base="dms:Note">
          <xsd:maxLength value="255"/>
        </xsd:restriction>
      </xsd:simpleType>
    </xsd:element>
    <xsd:element name="formAnswers" ma:index="11" nillable="true" ma:displayName="formAnswers" ma:internalName="formAnswers">
      <xsd:simpleType>
        <xsd:restriction base="dms:Note">
          <xsd:maxLength value="255"/>
        </xsd:restriction>
      </xsd:simpleType>
    </xsd:element>
    <xsd:element name="otherNumber" ma:index="12" nillable="true" ma:displayName="otherNumber" ma:indexed="true" ma:internalName="otherNumber">
      <xsd:simpleType>
        <xsd:restriction base="dms:Text">
          <xsd:maxLength value="255"/>
        </xsd:restriction>
      </xsd:simpleType>
    </xsd:element>
    <xsd:element name="uniqueMinistryId" ma:index="13" nillable="true" ma:displayName="uniqueMinistryId" ma:indexed="true" ma:internalName="uniqueMinistryId">
      <xsd:simpleType>
        <xsd:restriction base="dms:Text">
          <xsd:maxLength value="255"/>
        </xsd:restriction>
      </xsd:simpleType>
    </xsd:element>
    <xsd:element name="subcategory" ma:index="14" nillable="true" ma:displayName="subcategory" ma:indexed="true" ma:internalName="subcategory">
      <xsd:simpleType>
        <xsd:restriction base="dms:Text">
          <xsd:maxLength value="255"/>
        </xsd:restriction>
      </xsd:simpleType>
    </xsd:element>
    <xsd:element name="parentGuid" ma:index="15" nillable="true" ma:displayName="parentGuid" ma:internalName="parentGuid">
      <xsd:simpleType>
        <xsd:restriction base="dms:Text">
          <xsd:maxLength value="255"/>
        </xsd:restriction>
      </xsd:simpleType>
    </xsd:element>
    <xsd:element name="folderName" ma:index="16" nillable="true" ma:displayName="folderName" ma:internalName="folderName">
      <xsd:simpleType>
        <xsd:restriction base="dms:Text">
          <xsd:maxLength value="255"/>
        </xsd:restriction>
      </xsd:simpleType>
    </xsd:element>
    <xsd:element name="due" ma:index="17" nillable="true" ma:displayName="due" ma:format="DateOnly" ma:internalName="due">
      <xsd:simpleType>
        <xsd:restriction base="dms:DateTime"/>
      </xsd:simpleType>
    </xsd:element>
    <xsd:element name="createdOn" ma:index="18" nillable="true" ma:displayName="createdOn" ma:format="DateOnly" ma:internalName="createdOn">
      <xsd:simpleType>
        <xsd:restriction base="dms:DateTime"/>
      </xsd:simpleType>
    </xsd:element>
    <xsd:element name="completedOn" ma:index="19" nillable="true" ma:displayName="completedOn" ma:format="DateOnly" ma:internalName="completedOn">
      <xsd:simpleType>
        <xsd:restriction base="dms:DateTime"/>
      </xsd:simpleType>
    </xsd:element>
    <xsd:element name="whenToArchive" ma:index="20" nillable="true" ma:displayName="whenToArchive" ma:format="DateOnly" ma:indexed="true" ma:internalName="whenToArchive">
      <xsd:simpleType>
        <xsd:restriction base="dms:DateTime"/>
      </xsd:simpleType>
    </xsd:element>
    <xsd:element name="rush" ma:index="21" nillable="true" ma:displayName="rush" ma:indexed="true" ma:internalName="rush">
      <xsd:simpleType>
        <xsd:restriction base="dms:Number"/>
      </xsd:simpleType>
    </xsd:element>
    <xsd:element name="blueprintVersion" ma:index="22" nillable="true" ma:displayName="blueprintVersion" ma:internalName="blueprintVersion">
      <xsd:simpleType>
        <xsd:restriction base="dms:Number"/>
      </xsd:simpleType>
    </xsd:element>
    <xsd:element name="pos" ma:index="23" nillable="true" ma:displayName="pos" ma:internalName="pos">
      <xsd:simpleType>
        <xsd:restriction base="dms:Number"/>
      </xsd:simpleType>
    </xsd:element>
    <xsd:element name="entityType" ma:index="24" nillable="true" ma:displayName="entityType" ma:indexed="true" ma:internalName="entityType">
      <xsd:simpleType>
        <xsd:restriction base="dms:Number"/>
      </xsd:simpleType>
    </xsd:element>
    <xsd:element name="branch" ma:index="25" nillable="true" ma:displayName="branch" ma:indexed="true" ma:list="{22398C44-67A3-4674-AD04-511FEACE7D0F}" ma:internalName="branch" ma:showField="ID">
      <xsd:simpleType>
        <xsd:restriction base="dms:Lookup"/>
      </xsd:simpleType>
    </xsd:element>
    <xsd:element name="color" ma:index="26" nillable="true" ma:displayName="color" ma:list="{B3B746B2-7247-467A-9F9A-791039112B8C}" ma:internalName="color" ma:showField="ID">
      <xsd:simpleType>
        <xsd:restriction base="dms:Lookup"/>
      </xsd:simpleType>
    </xsd:element>
    <xsd:element name="formVersion" ma:index="27" nillable="true" ma:displayName="formVersion" ma:list="{BF261706-87C6-4441-83A8-9D5AF7AC8548}" ma:internalName="formVersion" ma:showField="ID">
      <xsd:simpleType>
        <xsd:restriction base="dms:Lookup"/>
      </xsd:simpleType>
    </xsd:element>
    <xsd:element name="blueprint" ma:index="28" nillable="true" ma:displayName="blueprint" ma:list="{F4BE805F-DAB4-4628-9BCF-5745BBC9A5AA}" ma:internalName="blueprint" ma:showField="ID">
      <xsd:simpleType>
        <xsd:restriction base="dms:Lookup"/>
      </xsd:simpleType>
    </xsd:element>
    <xsd:element name="assignedToG" ma:index="29" nillable="true" ma:displayName="assignedToG" ma:indexed="true" ma:list="{C8BFF6DD-6C28-4F22-90F9-77385803A830}" ma:internalName="assignedToG" ma:readOnly="false" ma:showField="Title">
      <xsd:simpleType>
        <xsd:restriction base="dms:Lookup"/>
      </xsd:simpleType>
    </xsd:element>
    <xsd:element name="assignedToGroups" ma:index="30" nillable="true" ma:displayName="assignedToGroups" ma:list="UserInfo" ma:SearchPeopleOnly="false" ma:internalName="assignedToGroups">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tor" ma:index="31" nillable="true" ma:displayName="mediator" ma:list="UserInfo" ma:SearchPeopleOnly="false" ma:internalName="mediato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ssignedToSiteUser" ma:index="32" nillable="true" ma:displayName="assignedToSiteUser" ma:indexed="true" ma:list="UserInfo" ma:internalName="assignedToSiteUs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colleaguesG" ma:index="33" nillable="true" ma:displayName="colleaguesG" ma:list="{C8BFF6DD-6C28-4F22-90F9-77385803A830}" ma:internalName="colleaguesG" ma:readOnly="false" ma:showField="Title">
      <xsd:complexType>
        <xsd:complexContent>
          <xsd:extension base="dms:MultiChoiceLookup">
            <xsd:sequence>
              <xsd:element name="Value" type="dms:Lookup" maxOccurs="unbounded" minOccurs="0" nillable="true"/>
            </xsd:sequence>
          </xsd:extension>
        </xsd:complexContent>
      </xsd:complexType>
    </xsd:element>
    <xsd:element name="watchersG" ma:index="34" nillable="true" ma:displayName="watchersG" ma:list="{C8BFF6DD-6C28-4F22-90F9-77385803A830}" ma:internalName="watchersG" ma:readOnly="false" ma:showField="Title">
      <xsd:complexType>
        <xsd:complexContent>
          <xsd:extension base="dms:MultiChoiceLookup">
            <xsd:sequence>
              <xsd:element name="Value" type="dms:Lookup" maxOccurs="unbounded" minOccurs="0" nillable="true"/>
            </xsd:sequence>
          </xsd:extension>
        </xsd:complexContent>
      </xsd:complexType>
    </xsd:element>
    <xsd:element name="groupWatchers" ma:index="35" nillable="true" ma:displayName="groupWatchers" ma:list="UserInfo" ma:SearchPeopleOnly="false" ma:internalName="groupWatchers">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diaServiceMetadata" ma:index="36" nillable="true" ma:displayName="MediaServiceMetadata" ma:hidden="true" ma:internalName="MediaServiceMetadata" ma:readOnly="true">
      <xsd:simpleType>
        <xsd:restriction base="dms:Note"/>
      </xsd:simpleType>
    </xsd:element>
    <xsd:element name="MediaServiceFastMetadata" ma:index="37" nillable="true" ma:displayName="MediaServiceFastMetadata" ma:hidden="true" ma:internalName="MediaServiceFastMetadata" ma:readOnly="true">
      <xsd:simpleType>
        <xsd:restriction base="dms:Note"/>
      </xsd:simpleType>
    </xsd:element>
    <xsd:element name="MediaServiceObjectDetectorVersions" ma:index="38" nillable="true" ma:displayName="MediaServiceObjectDetectorVersions" ma:hidden="true" ma:indexed="true" ma:internalName="MediaServiceObjectDetectorVersions" ma:readOnly="true">
      <xsd:simpleType>
        <xsd:restriction base="dms:Text"/>
      </xsd:simpleType>
    </xsd:element>
    <xsd:element name="lcf76f155ced4ddcb4097134ff3c332f" ma:index="40" nillable="true" ma:taxonomy="true" ma:internalName="lcf76f155ced4ddcb4097134ff3c332f" ma:taxonomyFieldName="MediaServiceImageTags" ma:displayName="Image Tags" ma:readOnly="false" ma:fieldId="{5cf76f15-5ced-4ddc-b409-7134ff3c332f}" ma:taxonomyMulti="true" ma:sspId="a9b50559-7390-452f-8d4d-780c6c1e431b" ma:termSetId="09814cd3-568e-fe90-9814-8d621ff8fb84" ma:anchorId="fba54fb3-c3e1-fe81-a776-ca4b69148c4d" ma:open="true" ma:isKeyword="false">
      <xsd:complexType>
        <xsd:sequence>
          <xsd:element ref="pc:Terms" minOccurs="0" maxOccurs="1"/>
        </xsd:sequence>
      </xsd:complexType>
    </xsd:element>
    <xsd:element name="MediaServiceGenerationTime" ma:index="42" nillable="true" ma:displayName="MediaServiceGenerationTime" ma:hidden="true" ma:internalName="MediaServiceGenerationTime" ma:readOnly="true">
      <xsd:simpleType>
        <xsd:restriction base="dms:Text"/>
      </xsd:simpleType>
    </xsd:element>
    <xsd:element name="MediaServiceEventHashCode" ma:index="43" nillable="true" ma:displayName="MediaServiceEventHashCode" ma:hidden="true" ma:internalName="MediaServiceEventHashCode" ma:readOnly="true">
      <xsd:simpleType>
        <xsd:restriction base="dms:Text"/>
      </xsd:simpleType>
    </xsd:element>
    <xsd:element name="MediaLengthInSeconds" ma:index="46" nillable="true" ma:displayName="MediaLengthInSeconds" ma:hidden="true" ma:internalName="MediaLengthInSeconds" ma:readOnly="true">
      <xsd:simpleType>
        <xsd:restriction base="dms:Unknown"/>
      </xsd:simpleType>
    </xsd:element>
    <xsd:element name="MediaServiceOCR" ma:index="47" nillable="true" ma:displayName="Extracted Text" ma:internalName="MediaServiceOCR" ma:readOnly="true">
      <xsd:simpleType>
        <xsd:restriction base="dms:Note">
          <xsd:maxLength value="255"/>
        </xsd:restriction>
      </xsd:simpleType>
    </xsd:element>
    <xsd:element name="MediaServiceDateTaken" ma:index="48" nillable="true" ma:displayName="MediaServiceDateTaken" ma:hidden="true" ma:indexed="true" ma:internalName="MediaServiceDateTaken" ma:readOnly="true">
      <xsd:simpleType>
        <xsd:restriction base="dms:Text"/>
      </xsd:simpleType>
    </xsd:element>
    <xsd:element name="MediaServiceSearchProperties" ma:index="49" nillable="true" ma:displayName="MediaServiceSearchProperties" ma:hidden="true" ma:internalName="MediaServiceSearchProperties" ma:readOnly="true">
      <xsd:simpleType>
        <xsd:restriction base="dms:Note"/>
      </xsd:simpleType>
    </xsd:element>
    <xsd:element name="MediaServiceLocation" ma:index="50" nillable="true" ma:displayName="Location" ma:indexed="true" ma:internalName="MediaServiceLocation" ma:readOnly="true">
      <xsd:simpleType>
        <xsd:restriction base="dms:Text"/>
      </xsd:simpleType>
    </xsd:element>
    <xsd:element name="documentStringNames" ma:index="51" nillable="true" ma:displayName="documentStringNames" ma:internalName="documentStringNames">
      <xsd:simpleType>
        <xsd:restriction base="dms:Note">
          <xsd:maxLength value="255"/>
        </xsd:restriction>
      </xsd:simpleType>
    </xsd:element>
    <xsd:element name="crossMinistry" ma:index="52" nillable="true" ma:displayName="crossMinistry" ma:internalName="crossMinistry">
      <xsd:simpleType>
        <xsd:restriction base="dms:Number"/>
      </xsd:simpleType>
    </xsd:element>
    <xsd:element name="ministries" ma:index="53" nillable="true" ma:displayName="ministries" ma:list="{E8535DDF-3CC1-4F0A-9FC3-EDCC4C1918B4}" ma:internalName="ministries" ma:showField="ID">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6fe9af5a-ed8a-4244-928d-e56d06aad847" elementFormDefault="qualified">
    <xsd:import namespace="http://schemas.microsoft.com/office/2006/documentManagement/types"/>
    <xsd:import namespace="http://schemas.microsoft.com/office/infopath/2007/PartnerControls"/>
    <xsd:element name="TaxCatchAll" ma:index="41" nillable="true" ma:displayName="Taxonomy Catch All Column" ma:hidden="true" ma:list="{66428770-232f-4c77-9a39-a6fce1c18297}" ma:internalName="TaxCatchAll" ma:showField="CatchAllData" ma:web="6fe9af5a-ed8a-4244-928d-e56d06aad847">
      <xsd:complexType>
        <xsd:complexContent>
          <xsd:extension base="dms:MultiChoiceLookup">
            <xsd:sequence>
              <xsd:element name="Value" type="dms:Lookup" maxOccurs="unbounded" minOccurs="0" nillable="true"/>
            </xsd:sequence>
          </xsd:extension>
        </xsd:complexContent>
      </xsd:complexType>
    </xsd:element>
    <xsd:element name="SharedWithUsers" ma:index="4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4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FF61878A-1B7F-4721-BB13-030A592D8564}">
  <ds:schemaRefs>
    <ds:schemaRef ds:uri="http://schemas.openxmlformats.org/package/2006/metadata/core-properties"/>
    <ds:schemaRef ds:uri="http://schemas.microsoft.com/office/2006/documentManagement/types"/>
    <ds:schemaRef ds:uri="http://www.w3.org/XML/1998/namespace"/>
    <ds:schemaRef ds:uri="http://purl.org/dc/dcmitype/"/>
    <ds:schemaRef ds:uri="24ca4954-836e-4dd6-806d-d2cdcf695e13"/>
    <ds:schemaRef ds:uri="http://schemas.microsoft.com/office/infopath/2007/PartnerControls"/>
    <ds:schemaRef ds:uri="6fe9af5a-ed8a-4244-928d-e56d06aad847"/>
    <ds:schemaRef ds:uri="http://schemas.microsoft.com/office/2006/metadata/properties"/>
    <ds:schemaRef ds:uri="http://purl.org/dc/terms/"/>
    <ds:schemaRef ds:uri="http://purl.org/dc/elements/1.1/"/>
  </ds:schemaRefs>
</ds:datastoreItem>
</file>

<file path=customXml/itemProps2.xml><?xml version="1.0" encoding="utf-8"?>
<ds:datastoreItem xmlns:ds="http://schemas.openxmlformats.org/officeDocument/2006/customXml" ds:itemID="{A94E9BF9-E9B3-49E5-88F3-DE3BE9AC3502}">
  <ds:schemaRefs>
    <ds:schemaRef ds:uri="http://schemas.microsoft.com/sharepoint/v3/contenttype/forms"/>
  </ds:schemaRefs>
</ds:datastoreItem>
</file>

<file path=customXml/itemProps3.xml><?xml version="1.0" encoding="utf-8"?>
<ds:datastoreItem xmlns:ds="http://schemas.openxmlformats.org/officeDocument/2006/customXml" ds:itemID="{91684D5B-F6AB-4C8A-B710-19DB630759F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4ca4954-836e-4dd6-806d-d2cdcf695e13"/>
    <ds:schemaRef ds:uri="6fe9af5a-ed8a-4244-928d-e56d06aad847"/>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3</vt:i4>
      </vt:variant>
    </vt:vector>
  </HeadingPairs>
  <TitlesOfParts>
    <vt:vector size="9" baseType="lpstr">
      <vt:lpstr>Agreement Reached</vt:lpstr>
      <vt:lpstr>Instructions</vt:lpstr>
      <vt:lpstr>Agreement Reached Example</vt:lpstr>
      <vt:lpstr>Additional Information</vt:lpstr>
      <vt:lpstr>Pre-populated data</vt:lpstr>
      <vt:lpstr>Data Reported</vt:lpstr>
      <vt:lpstr>'Agreement Reached'!Print_Area</vt:lpstr>
      <vt:lpstr>'Agreement Reached Example'!Print_Area</vt:lpstr>
      <vt:lpstr>Instructions!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eith Miller</dc:creator>
  <cp:lastModifiedBy>O'Rae, Becki ECC:EX</cp:lastModifiedBy>
  <cp:lastPrinted>2024-03-14T18:46:43Z</cp:lastPrinted>
  <dcterms:created xsi:type="dcterms:W3CDTF">2018-11-23T05:49:10Z</dcterms:created>
  <dcterms:modified xsi:type="dcterms:W3CDTF">2024-04-26T18:31:1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82D16F4375A649BD0847D4D8BBFC22</vt:lpwstr>
  </property>
  <property fmtid="{D5CDD505-2E9C-101B-9397-08002B2CF9AE}" pid="3" name="MediaServiceImageTags">
    <vt:lpwstr/>
  </property>
</Properties>
</file>